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029"/>
  <workbookPr filterPrivacy="1"/>
  <xr:revisionPtr revIDLastSave="0" documentId="13_ncr:1_{8513D40A-0AE4-49B8-AD49-8CC700327E27}" xr6:coauthVersionLast="47" xr6:coauthVersionMax="47" xr10:uidLastSave="{00000000-0000-0000-0000-000000000000}"/>
  <bookViews>
    <workbookView xWindow="3495" yWindow="3465" windowWidth="38700" windowHeight="15345" xr2:uid="{00000000-000D-0000-FFFF-FFFF00000000}"/>
  </bookViews>
  <sheets>
    <sheet name="SBA-Cyberweerbaarheid" sheetId="3" r:id="rId1"/>
    <sheet name="Volwassenheidsmodel" sheetId="10" r:id="rId2"/>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J2" i="3" l="1"/>
  <c r="I2" i="3"/>
  <c r="H2" i="3"/>
</calcChain>
</file>

<file path=xl/sharedStrings.xml><?xml version="1.0" encoding="utf-8"?>
<sst xmlns="http://schemas.openxmlformats.org/spreadsheetml/2006/main" count="207" uniqueCount="149">
  <si>
    <t>Topic</t>
  </si>
  <si>
    <t>Question code</t>
  </si>
  <si>
    <t>URL</t>
  </si>
  <si>
    <t>Aanvullende duiding</t>
  </si>
  <si>
    <t>Governance and strategy</t>
  </si>
  <si>
    <t>RC01</t>
  </si>
  <si>
    <t>De financiële instelling heeft een interne governance- en controlekader dat zorgt voor een effectieve en prudente beheersing van ICT-risico's*.</t>
  </si>
  <si>
    <t>https://eur-lex.europa.eu/legal-content/NL/TXT/HTML/?uri=CELEX:32022R2554#art_5</t>
  </si>
  <si>
    <t>“ICT-risico”: elke redelijkerwijs aan te wijzen omstandigheid met betrekking tot het gebruik van netwerk- en informatiesystemen die, indien zij zich voordoet, de beveiliging van het netwerk- en informatiesysteem, van technologieafhankelijke instrumenten of processen, van verrichtingen en processen, of van de levering van de diensten in gevaar kan brengen, door schadelijke effecten met zich mee te brengen in de digitale of fysieke omgeving.</t>
  </si>
  <si>
    <t>RC02</t>
  </si>
  <si>
    <t>https://eur-lex.europa.eu/legal-content/NL/TXT/HTML/?uri=CELEX:32022R2554#art_5
https://eur-lex.europa.eu/legal-content/NL/TXT/HTML/?uri=CELEX:32022R2554#art_6
https://eur-lex.europa.eu/legal-content/NL/TXT/HTML/?uri=CELEX:32022R2554#art_28</t>
  </si>
  <si>
    <t>RC03</t>
  </si>
  <si>
    <t>RC04</t>
  </si>
  <si>
    <t>Het leidinggevend orgaan van de financiële instelling heeft duidelijke taken en verantwoordelijkheden vastgesteld en toegewezen voor alle ICT-gerelateerde functies.</t>
  </si>
  <si>
    <t>RC05</t>
  </si>
  <si>
    <t>Het leidinggevend orgaan van de financiële instelling wijst een passend budget toe en evalueert periodiek in hoeverre dat afdoende is om te voldoen aan de digitale weerbaarheidsvereisten van de financiële instelling met betrekking tot de benodigde middelen en de ICT-vaardigheden voor medewerkers.</t>
  </si>
  <si>
    <t xml:space="preserve">ICT risk management </t>
  </si>
  <si>
    <t>RC06</t>
  </si>
  <si>
    <t>https://eur-lex.europa.eu/legal-content/NL/TXT/HTML/?uri=CELEX:32022R2554#art_6</t>
  </si>
  <si>
    <t>https://eur-lex.europa.eu/legal-content/NL/TXT/HTML/?uri=CELEX:32022R2554#art_8</t>
  </si>
  <si>
    <t>RC08</t>
  </si>
  <si>
    <t>De financiële instelling heeft beleidslijnen en procedures ontwikkeld, gedocumenteerd en geïmplementeerd om maatregelen voor ICT-risicobehandeling te identificeren, te implementeren en te documenteren voor de in kaart gebrachte en beoordeelde ICT-risico’s, met inbegrip van het vaststellen van maatregelen voor ICT risicobehandeling die noodzakelijk zijn om het ICT-risico binnen het risicotolerantieniveau te brengen.</t>
  </si>
  <si>
    <t>https://eur-lex.europa.eu/legal-content/NL/TXT/HTML/?uri=OJ:L_202401774#art_3</t>
  </si>
  <si>
    <t>RC09</t>
  </si>
  <si>
    <t>RC10</t>
  </si>
  <si>
    <t>RC11</t>
  </si>
  <si>
    <t>De financiële instelling heeft beleid opgesteld, goedgekeurd en geïmplementeerd voor het identificeren, classificeren en documenteren van:
- alle door ICT ondersteunde bedrijfsfuncties;
- taken en verantwoordelijkheden;
- de informatie- en ICT-activa die deze functies ondersteunen, en;
- hun taken en afhankelijkheden met betrekking tot ICT-risico’s.
Financiële entiteiten evalueren indien nodig en ten minste eenmaal per jaar of de classificatie van de inventarisaties en de relevante documentatie adequaat is.</t>
  </si>
  <si>
    <t>RC55</t>
  </si>
  <si>
    <t>Het kader voor ICT-risicobeheer van de instelling wordt regelmatig onderworpen aan een interne audit door auditors, in overeenstemming met het auditplan van de financiële instelling. Deze auditors beschikken over voldoende kennis, vaardigheden en deskundigheid op het gebied van ICT-risico en over de nodige onafhankelijkheid. De frequentie en de focus van de ICT-audits staan in verhouding tot het ICT-risico van de financiële instelling.</t>
  </si>
  <si>
    <t>RC13</t>
  </si>
  <si>
    <t>RC14</t>
  </si>
  <si>
    <t>De financiële instelling heeft de verantwoordelijkheid voor het beheer van en toezicht houden op ICT-risico's toegewezen aan een controlefunctie en zorgt voor een passend niveau van onafhankelijkheid van deze controlefunctie om belangenconflicten te voorkomen. De financiële instelling waarborgt een passende scheiding en onafhankelijkheid van ICT-risicobeheerfuncties, controlefuncties en interne auditfuncties, volgens het model van de drie verdedigingslijnen of een model voor intern risicobeheer en -controle.</t>
  </si>
  <si>
    <t>Information security</t>
  </si>
  <si>
    <t>RC16</t>
  </si>
  <si>
    <t>https://eur-lex.europa.eu/legal-content/NL/TXT/HTML/?uri=OJ:L_202401774#art_2
https://eur-lex.europa.eu/legal-content/NL/TXT/HTML/?uri=OJ:L_202401774#art_13</t>
  </si>
  <si>
    <t>RC56</t>
  </si>
  <si>
    <t>https://eur-lex.europa.eu/legal-content/NL/TXT/HTML/?uri=OJ:L_202401774#art_6
https://eur-lex.europa.eu/legal-content/NL/TXT/HTML/?uri=OJ:L_202401774#art_7</t>
  </si>
  <si>
    <t>RC17</t>
  </si>
  <si>
    <t>Als onderdeel van zijn of haar controle op het identiteitsbeheer en de toekenning van toegangsrechten ontwikkelt, documenteert en implementeert de financiële instelling beleidslijnen, procedures, processen en tools voor:
- de toekenning van toegangsrechten tot ICT-assets op basis van need-to-know-, need-to-use- en least-privilegeprincipes, ook voor remote access en emergency access;
- het ontwerpen en inrichten van functiescheiding;
- de toekenning van privileged, emergency- en administrator toegang;
- processen voor het toekennen, herzien en intrekken van toegangsrechten;
- het gebruik van (sterke) authenticatiemethoden;
- het periodiek reviewen en tijdig intrekken van niet-noodzakelijke toegangsrechten.</t>
  </si>
  <si>
    <t>https://eur-lex.europa.eu/legal-content/NL/TXT/HTML/?uri=OJ:L_202401774#art_21</t>
  </si>
  <si>
    <t>RC18</t>
  </si>
  <si>
    <t>De financiële instelling heeft een testprogramma voor het testen van de digitale operationele weerbaarheid opgesteld dat voorziet in de uitvoering van passende tests, zoals kwetsbaarheidsbeoordelingen en -scans, opensourceanalyses,
netwerkbeveiligingsbeoordelingen, kloofanalyses, beoordelingen van fysieke beveiliging, vragenlijsten en scanningsoftwareoplossingen, beoordelingen van broncodes indien mogelijk, scenariogebaseerde tests, compatibiliteitstests, prestatietests,
eind-tot-eindtests en penetratietests. Het programma borgt dat ten minste eenmaal per jaar passende tests worden uitgevoerd op alle ICT-systemen en -toepassingen die kritieke of belangrijke functies ondersteunen.</t>
  </si>
  <si>
    <t>https://eur-lex.europa.eu/legal-content/NL/TXT/HTML/?uri=CELEX:32022R2554#art_24
https://eur-lex.europa.eu/legal-content/NL/TXT/HTML/?uri=CELEX:32022R2554#art_25</t>
  </si>
  <si>
    <t>RC19</t>
  </si>
  <si>
    <t>De financiële instelling ontwikkelt bewustmakingsprogramma’s op het gebied van ICT-beveiliging en biedt opleidingen aan inzake digitale operationele weerbaarheid als verplichte modules in de opleidingsprogramma’s voor het personeel. Deze programma's en trainingen zijn van toepassing op alle medewerkers en op het hogere management en hebben een complexiteitsniveau dat in verhouding staat tot hun takenpakket. Waar passend, worden ICT-dienstverleners van derden opgenomen in de opleidingsschema's. Het programma besteedt onder meer aandacht aan dreigingen die direct van toepassing kunnen zijn op het personeel en het management, zoals beveiligingsincidenten die zich hebben voorgedaan.</t>
  </si>
  <si>
    <t>https://eur-lex.europa.eu/legal-content/NL/TXT/HTML/?uri=CELEX:32022R2554#art_13</t>
  </si>
  <si>
    <t>RC20</t>
  </si>
  <si>
    <t>De financiële instelling heeft beleidslijnen, procedures, protocollen en beheermaatregelen ontwikkeld, gedocumenteerd en geïmplementeerd voor fysieke toegangscontrole, met inbegrip van:
- de identificatie en logging van natuurlijke personen met geautoriseerde toegang tot bedrijfslocaties, datacentra en door de financiële instelling afgebakende gevoelige zones;
- het toekennen van fysieke toegangsrechten tot kritieke ICT-assets aan uitsluitend geautoriseerde personen;
- de monitoring van fysieke toegang;
- het periodiek reviewen en tijdig intrekken van niet-noodzakelijke toegangsrechten.</t>
  </si>
  <si>
    <t>RC21</t>
  </si>
  <si>
    <t>De financiële instelling heeft beleidslijnen, procedures, protocollen en tools voor het beheer van kwetsbaarheden en patchmanagementprocessen ontwikkeld, gedocumenteerd en geïmplementeerd voor het identificeren, prioriteren en patchen van kwetsbaarheden binnen vastgestelde tijdslijnen.</t>
  </si>
  <si>
    <t>https://eur-lex.europa.eu/legal-content/NL/TXT/HTML/?uri=OJ:L_202401774#art_10</t>
  </si>
  <si>
    <t>RC22</t>
  </si>
  <si>
    <t>De financiële instelling heeft passende en proportionele maatregelen geïmplementeerd die netwerken tegen inbraken en misbruik van gegevens moet beveiligen. Hieronder vallen beveiligingsmaatregelen zoals firewalls, SIEM, (micro)netwerksegmentatie, IDS/IPS, netwerkencryptie en anti-malware oplossingen.</t>
  </si>
  <si>
    <t>https://eur-lex.europa.eu/legal-content/NL/TXT/HTML/?uri=OJ:L_202401774#art_13</t>
  </si>
  <si>
    <t>RC23</t>
  </si>
  <si>
    <t>De financiële instelling heeft loggingprocedures, -protocollen en -tools ontwikkeld, gedocumenteerd en geïmplementeerd om de detectie en opvolging van afwijkende activiteiten mogelijk te maken.</t>
  </si>
  <si>
    <t>https://eur-lex.europa.eu/legal-content/NL/TXT/HTML/?uri=OJ:L_202401774#art_12
https://eur-lex.europa.eu/legal-content/NL/TXT/HTML/?uri=OJ:L_202401774#art_23</t>
  </si>
  <si>
    <t>RC24</t>
  </si>
  <si>
    <t>https://eur-lex.europa.eu/legal-content/NL/TXT/HTML/?uri=CELEX:32022R2554#art_13
https://eur-lex.europa.eu/legal-content/NL/TXT/HTML/?uri=CELEX:32022R2554#art_17</t>
  </si>
  <si>
    <t>RC25</t>
  </si>
  <si>
    <t>De financiële instelling heeft crisiscommunicatieplannen die het mogelijk maken ten minste ernstige ICT-gerelateerde incidenten of kwetsbaarheden op verantwoordelijke wijze bekend te maken aan cliënten en tegenpartijen en, in voorkomend geval, aan het publiek.</t>
  </si>
  <si>
    <t>https://eur-lex.europa.eu/legal-content/NL/TXT/HTML/?uri=CELEX:32022R2554#art_14</t>
  </si>
  <si>
    <t>RC26</t>
  </si>
  <si>
    <t>https://eur-lex.europa.eu/legal-content/NL/TXT/HTML/?uri=CELEX:32022R2554#art_9</t>
  </si>
  <si>
    <t>ICT Operations management</t>
  </si>
  <si>
    <t>RC27</t>
  </si>
  <si>
    <t>RC29</t>
  </si>
  <si>
    <t>De financiële instelling heeft beleidslijnen, procedures, protocollen en tools voor back-up en herstel van gegevens en ICT-systemen gedefinieerd en geïmplementeerd om ervoor te zorgen dat deze indien nodig kunnen worden hersteld. De reikwijdte en frequentie van back-ups worden vastgesteld in overeenstemming met de bedrijfsherstelvereisten en het kritieke karakter van de gegevens en de ICT-systemen. Het testen van de back-up- en herstelprocedures wordt periodiek uitgevoerd.</t>
  </si>
  <si>
    <t>https://eur-lex.europa.eu/legal-content/NL/TXT/HTML/?uri=CELEX:32022R2554#art_12</t>
  </si>
  <si>
    <t>RC30</t>
  </si>
  <si>
    <t>RC32</t>
  </si>
  <si>
    <t>De financiële instelling heeft beveiligingsmaatregelen geïmplementeerd om ervoor te zorgen dat alleen geautoriseerde software wordt geïnstalleerd in ICT-systemen en eindpuntapparaten.</t>
  </si>
  <si>
    <t>RC33</t>
  </si>
  <si>
    <t>De financiële instelling heeft beleidslijnen, procedures, protocollen en tools voor ICT-wijzigingsbeheer gedefinieerd en geïmplementeerd ten aanzien van alle wijzigingen van software-, hardware-, firmwarecomponenten, systemen of beveiligingsparameters om te borgen dat wijzigingen worden geregistreerd, getest, beoordeeld, goedgekeurd, geïmplementeerd en gecontroleerd.</t>
  </si>
  <si>
    <t>https://eur-lex.europa.eu/legal-content/NL/TXT/HTML/?uri=OJ:L_202401774#art_17</t>
  </si>
  <si>
    <t>Business continuity management</t>
  </si>
  <si>
    <t>RC34</t>
  </si>
  <si>
    <t>De financiële instelling voert op basis van de identificatievereisten een alomvattend ICT-bedrijfscontinuïteitsbeleid dat kan worden beschouwd als een specifiek beleid en een integraal onderdeel vormt van het ruimere bedrijfsbrede beleid inzake bedrijfscontinuïteit van de financiële entiteit.</t>
  </si>
  <si>
    <t>https://eur-lex.europa.eu/legal-content/NL/TXT/HTML/?uri=CELEX:32022R2554#art_8
https://eur-lex.europa.eu/legal-content/NL/TXT/HTML/?uri=CELEX:32022R2554#art_11
https://eur-lex.europa.eu/legal-content/NL/TXT/HTML/?uri=OJ:L_202401774#art_24</t>
  </si>
  <si>
    <t>RC35</t>
  </si>
  <si>
    <t>De financiële instelling voert periodiek een bedrijfsimpactanalyse (business impact analysis — BIA) uit van hun blootstelling aan ernstige verstoringen van de bedrijfsactiviteiten. In het kader van de BIA beoordeelt de financiële instelling de potentiële gevolgen van ernstige verstoringen van de bedrijfsactiviteiten aan de hand van kwantitatieve en kwalitatieve criteria, in voorkomend geval met behulp van interne en externe gegevens en scenarioanalyses. In de BIA wordt rekening gehouden met de kritieke aard van geïdentificeerde en in kaart gebrachte bedrijfsfuncties, ondersteunende processen, afhankelijkheden van derden en informatieactiva, en hun onderlinge afhankelijkheden</t>
  </si>
  <si>
    <t>https://eur-lex.europa.eu/legal-content/NL/TXT/HTML/?uri=CELEX:32022R2554#art_11</t>
  </si>
  <si>
    <t>RC36</t>
  </si>
  <si>
    <t>De ICT-respons- en herstelplannen van de financiële instelling identificeren relevante scenario's, waaronder scenario's van ernstige bedrijfsstoringen en cyberaanvallen. Deze plannen bevatten een reeks elementen en scenario's in overeenstemming met de Artikelen 24, 26(1) en 26(2) van de Gedelegeerde Verordening (EU) 2024/1774 op basis van actuele informatie over bedreigingen en lessen die zijn getrokken na eerdere bedrijfsstoringen.</t>
  </si>
  <si>
    <t>RC38</t>
  </si>
  <si>
    <t>De financiële instelling test de ICT-bedrijfscontinuïteitsplannen en de ICT-respons- en herstelplannen met betrekking tot ICT-systemen die kritieke of belangrijke functies ondersteunen, minstens jaarlijks, evenals in het geval van substantiële wijzigingen aan ICT-systemen die kritieke of belangrijke functies ondersteunen.</t>
  </si>
  <si>
    <t>https://eur-lex.europa.eu/legal-content/NL/TXT/HTML/?uri=CELEX:32022R2554#art_11
https://eur-lex.europa.eu/legal-content/NL/TXT/HTML/?uri=OJ:L_202401774#art_25
https://eur-lex.europa.eu/legal-content/NL/TXT/HTML/?uri=OJ:L_202401774#art_26</t>
  </si>
  <si>
    <t>RC40</t>
  </si>
  <si>
    <t>De financiële instelling evalueert regelmatig haar ICT-bedrijfscontinuïteitsbeleid en ICT-respons- en herstelplannen, rekening houdend met de resultaten van uitgevoerde tests en aanbevelingen voortvloeiend uit audits of toezichtbeoordelingen.</t>
  </si>
  <si>
    <t>RC41</t>
  </si>
  <si>
    <t>De financiële instelling beschikt over een functie voor crisisbeheer die in geval van activering van de ICT-bedrijfscontinuïteitsplannen of ICT-respons- en herstelplannen onder meer duidelijke procedures bepaalt voor interne en externe crisiscommunicatie.</t>
  </si>
  <si>
    <t>Uitbesteding</t>
  </si>
  <si>
    <t>RC42</t>
  </si>
  <si>
    <t>https://eur-lex.europa.eu/legal-content/NL/TXT/HTML/?uri=CELEX:32022R2554#cpt_V.sct_I
https://eur-lex.europa.eu/legal-content/NL/TXT/HTML/?uri=OJ:L_202401773#art_5</t>
  </si>
  <si>
    <t>RC43</t>
  </si>
  <si>
    <t>De financiële instelling heeft een beleid gedefinieerd en geïmplementeerd met betrekking tot de contractuele overeenkomsten inzake het gebruik van door derde aanbieders verleende ICT diensten die kritieke of belangrijke functies ondersteunen dat borgt dat: 
- relevante contractuele regelingen schriftelijk zijn overeengekomen;  
- alle elementen bevatten die worden genoemd in Artikel 30(2) en (3) van Verordening (EU) 2022/2554,  8(1) en 3(6) van de Gedelegeerde Verordening (EU) 2024/1773
Het beleid specificeert ook dat de relevante contractuele regelingen het recht voor de financiële instelling (of gemachtigde partij) omvatten om toegang te krijgen tot informatie, inspecties en audits uit te voeren, en tests op ICT uit te voeren. Hiervoor vereist het beleid dat de financiële instelling de methoden gebruikt die onder artikel 8(2) en 8(3) van de Gedelegeerde Verordening (EU) 2024/1773 vallen. De contractuele overeenkomsten met ICT dienstverleners voldoen aan de hierbovengenoemde beleidseisen.</t>
  </si>
  <si>
    <t>https://eur-lex.europa.eu/legal-content/NL/TXT/HTML/?uri=CELEX:32022R2554#cpt_V.sct_I 
https://eur-lex.europa.eu/legal-content/NL/TXT/HTML/?uri=OJ:L_202401773#art_3
https://eur-lex.europa.eu/legal-content/NL/TXT/HTML/?uri=OJ:L_202401773#art_8</t>
  </si>
  <si>
    <t>RC44</t>
  </si>
  <si>
    <t>De financiële instelling heeft criteria en processen gedefinieerd en geïmplementeerd op alle fasen van uitbesteding om het ICT-risico met inbegrip van het concentratierisico van derde aanbieders te identificeren, te beoordelen en te monitoren, in overeenstemming met de vereisten van Verordening (EU) 2022/2554, artikel 28(4) en 28(5)
- Het beleid vereist dat ICT-diensten ter ondersteuning van kritieke of belangrijke functies die door derde aanbieders van ICT-diensten worden verleend, aan een onafhankelijke evaluatie worden onderworpen Gedelegeerde Verordening (EU) 2024/1773, 3(7)
-  In het beleid wordt het zorgvuldigheidsproces voor de selectie en beoordeling van de potentiële derde aanbieders van ICT-diensten vastgesteld en wordt aangegeven welke elementen moeten worden gebruikt voor het vereiste zekerheidsniveau met betrekking tot de prestaties van de derde aanbieder van ICT-diensten Gedelegeerde Verordening (EU) 2024/1773  artikel 6(3) en 8(3)
-  Het beleid vereist dat in de contractuele overeenkomsten de maatregelen en kernindicatoren worden gespecificeerd om de prestaties van derde aanbieders van ICT-diensten doorlopend te monitoren inclusief sancties indien nodig Gedelegeerde Verordening (EU) 2024/1773  artikel 9</t>
  </si>
  <si>
    <t xml:space="preserve">https://eur-lex.europa.eu/legal-content/NL/TXT/HTML/?uri=CELEX:32022R2554#art_28
https://eur-lex.europa.eu/legal-content/NL/TXT/HTML/?uri=OJ:L_202401773#art_3
https://eur-lex.europa.eu/legal-content/NL/TXT/HTML/?uri=OJ:L_202401773#art_6
https://eur-lex.europa.eu/legal-content/NL/TXT/HTML/?uri=OJ:L_202401773#art_8
https://eur-lex.europa.eu/legal-content/NL/TXT/HTML/?uri=OJ:L_202401773#art_9
</t>
  </si>
  <si>
    <t>RC45</t>
  </si>
  <si>
    <t xml:space="preserve">https://eur-lex.europa.eu/legal-content/NL/TXT/HTML/?uri=CELEX:32022R2554#art_28
</t>
  </si>
  <si>
    <t>RC46</t>
  </si>
  <si>
    <t>Als onderdeel van het kader voor ICT risicobeheer handhaaft en actualiseert de financiële instelling op het niveau van de entiteit en op geconsolideerd niveau een informatieregister met betrekking tot alle contractuele overeenkomsten over het gebruik van door derde aanbieders verleende ICT diensten met een onderscheid tussen die welke van toepassing zijn op ICT diensten ter ondersteuning van kritieke en belangrijke functies en die welke daarop niet van toepassing zijn (Verordening (EU) 2022/2554, Artikel 28(3)).</t>
  </si>
  <si>
    <t>https://eur-lex.europa.eu/legal-content/NL/TXT/HTML/?uri=CELEX:32022R2554#art_28</t>
  </si>
  <si>
    <t>RC47</t>
  </si>
  <si>
    <t>De financiële instelling stelt voor ICT-diensten die kritieke of belangrijke functies ondersteunen, exit-strategieën op. Deze exitstrategieën houden rekening met de risico's die kunnen ontstaan bij ICT-dienstverleners van derden, met name een mogelijk falen van deze aanbieders, een verslechtering van de kwaliteit van de geleverde ICT-diensten, elke bedrijfsstoring als gevolg van ongeschikte of mislukte levering van ICT-diensten of elk materieel risico dat ontstaat in verband met de juiste en continue inzet van de betreffende ICT-dienst, of de beëindiging van contractuele regelingen met ICT-dienstverleners van derden onder welke omstandigheid dan ook (Verordening (EU) 2022/2554, Artikel 28(8)).</t>
  </si>
  <si>
    <t>RC48</t>
  </si>
  <si>
    <t>De financiële instelling heeft beleidslijnen opgesteld en geïmplementeerd voor het beheer van het ICT-risico van derde aanbieders. 
- Het leidinggevend orgaan evalueert het beleid ten minste eenmaal per jaar 
(Gedelegeerde Verordening (EU) 2024/1773, Artikel 3(1)).
- Het beleid wijst duidelijk de interne verantwoordelijkheden toe voor de goedkeuring, het beheer, de controle en de documentatie van relevante contractuele overeenkomsten en zorgt ervoor dat binnen de financiële instelling passende vaardigheden, ervaring en kennis worden behouden om effectief toezicht te houden op de relevante contractuele regelingen (Gedelegeerde Verordening (EU) 2024/1773, Artikel 3(3)).
- In het beleid wordt duidelijk aangegeven welke rol of welk lid van het hoger leidinggevend personeel verantwoordelijk is voor het toezicht op deze relevante contractuele overeenkomsten. 
- In het beleid wordt gespecificeerd hoe die rol of dat lid van het hoger leidinggevend personeel met de controlefuncties samenwerkt, tenzij die/dat er deel van uitmaakt, en worden de rapportagelijnen voor het leidinggevend orgaan vastgesteld, met inbegrip van de aard van de te rapporteren informatie en de te verstrekken documenten. 
- In het beleid wordt ook de frequentie van die rapportage vastgesteld. De rapportages worden daadwerkelijk uitgebracht conform de in het beleid voorgeschreven vereisten ten aanzien van inhoud en frequentie en vervolgens inhoudelijk besproken in het leidinggevend orgaan.
 (Gedelegeerde Verordening (EU) 2024/1773, Artikel 3(5)).</t>
  </si>
  <si>
    <t xml:space="preserve">https://eur-lex.europa.eu/legal-content/NL/TXT/HTML/?uri=CELEX:32022R2554#art_3
</t>
  </si>
  <si>
    <t>RC49</t>
  </si>
  <si>
    <t>https://eur-lex.europa.eu/legal-content/NL/TXT/HTML/?uri=CELEX:32022R2554#art_29
https://eur-lex.europa.eu/legal-content/NL/TXT/HTML/?uri=OJ:L_202500532#art_3
https://eur-lex.europa.eu/legal-content/NL/TXT/HTML/?uri=OJ:L_202500532#art_4
https://eur-lex.europa.eu/legal-content/NL/TXT/HTML/?uri=OJ:L_202500532#art_5</t>
  </si>
  <si>
    <t>niet-ZAF en PPI</t>
  </si>
  <si>
    <t>Kleine i1 en captives</t>
  </si>
  <si>
    <t>De financiële instelling identificeert alle informatie- en ICT-activa, met inbegrip van die welke zich op afgelegen locaties bevinden, netwerkmiddelen en hardware-uitrusting, en inventariseren die welke zij cruciaal achten. Zij inventariseren de configuratie van de informatie- en ICT-activa en de verbanden en onderlinge afhankelijkheden tussen de verschillende informatie- en ICT-activa. Zij identificeren en documenteren alle processen die afhankelijk zijn van derde aanbieders van ICT-diensten en identificeren interconnecties met derde aanbieders van ICT-diensten die diensten verlenen die kritieke of belangrijke functies ondersteunen.</t>
  </si>
  <si>
    <t>“legacy-ICT-systeem”: een ICT-systeem dat het einde van zijn levenscyclus (einde van de levensduur) heeft bereikt, dat om technologische of commerciële redenen niet geschikt is voor upgrades of reparaties, of dat niet langer wordt ondersteund door de leverancier of een derde aanbieder van ICT-diensten, maar dat nog steeds in gebruik is en de functies van de financiële entiteit ondersteunt.</t>
  </si>
  <si>
    <t>“kritieke of belangrijke functie”: een functie waarvan de verstoring wezenlijk afbreuk zou doen aan de financiële prestaties van een financiële entiteit of aan de soliditeit of de continuïteit van haar diensten en activiteiten, of waarvan de beëindiging of gebrekkige of mislukte uitvoering wezenlijk afbreuk zou doen aan de permanente naleving door een financiële entiteit van de voorwaarden en verplichtingen uit hoofde van haar vergunning of haar andere verplichtingen uit hoofde van het toepasselijke recht inzake financiële diensten.</t>
  </si>
  <si>
    <t>Het ICT-risicobeheerraamwerk van de financiële instelling omvat een strategie voor digitale operationele weerbaarheid, goedgekeurd door het leidinggevend orgaan, waarin wordt uiteengezet hoe het raamwerk moet worden geïmplementeerd. Daartoe omvat de strategie voor digitale operationele weerbaarheid methoden om ICT-risico's aan te pakken en specifieke ICT-doelstellingen te bereiken. Aanvullend omvat het ICT-risicobeheerraamwerk een strategie voor het degelijk beheer van het ICT- risico van derde aanbieders.</t>
  </si>
  <si>
    <t>Het leidinggevend orgaan van de financiële instelling heeft beleid opgesteld en goedgekeurd dat gericht is op het borgen van hoge normen inzake de beschikbaarheid,
authenticiteit, integriteit en vertrouwelijkheid van gegevens. Het leidinggevend orgaan houdt toezicht op de implementatie en uitvoering hiervan .</t>
  </si>
  <si>
    <t>Het ICT-risicobeheerraamwerk van de financiële instelling is gedocumenteerd en wordt ten minste eenmaal per jaar geëvalueerd, alsook wanneer zich ernstige ICT-gerelateerde incidenten voordoen, en na toezichthoudende instructies of conclusies die voortvloeien uit relevante tests of auditprocessen voor digitale operationele weerbaarheid. Het ICT-risicobeheerraamwerk wordt continu verbeterd op basis van lessen die zijn geleerd uit implementatie en monitoring.</t>
  </si>
  <si>
    <t>De instelling identificeert bronnen van ICT-risico en beoordeelt de cyberdreigingen en ICT-kwetsbaarheden die relevant zijn voor hun door ICT ondersteunde bedrijfsfuncties en informatie- en ICT-activa. Financiële entiteiten evalueren regelmatig en ten minste eenmaal per jaar de risicoscenario’s die op hen van invloed zijn.</t>
  </si>
  <si>
    <t>De instelling heeft een procedure en een methode om de ICT-risicobeoordeling uit te voeren ontwikkeld, gedocumenteerd en geïmplementeerd , ten behoeve van de identificatie van:
- kwetsbaarheden en dreigingen die van invloed zijn of kunnen zijn op de ondersteunde bedrijfsfuncties, de ICT-systemen en ICT-activa die deze functies ondersteunen;
- de kwantitatieve of kwalitatieve indicatoren om de impact en waarschijnlijkheid van de kwetsbaarheden en dreigingen te meten.</t>
  </si>
  <si>
    <t>De ICT risico management beleidslijnen en procedures omvatten voor de behandeling van ICT-restrisico's ten minste:
- bepalingen voor het in kaart brengen van die ICT-restrisico’s;
- de toewijzing van rollen en verantwoordelijkheden voor wat betreft de acceptatie van de ICT-restrisico’s die het risicotolerantieniveau van de financiële instelling overschrijden;
het uitwerken van een inventaris van de geaccepteerde ICT-restrisico’s, met inbegrip van een verantwoording voor het accepteren van die risico’s;
- bepalingen betreffende de ten minste jaarlijks uit te voeren evaluatie van de geaccepteerde ICT-restrisico’s.</t>
  </si>
  <si>
    <t>Als onderdeel van de beveiligingsmaatregelen die netwerken tegen inbraken en misbruik van gegevens moeten beveiligen heeft de financiële instelling beleidslijnen, procedures, protocollen en tools voor het beheer van netwerkbeveiliging ontwikkeld, gedocumenteerd en geïmplementeerd die ten minste de volgende elementen bevatten:
- de scheiding en segmentatie van ICT-systemen en -netwerken;
- de opzet van netwerken in lijn met de ICT-beveiligingseisen die door de financiële instelling zijn vastgesteld;
- de beveiliging van netwerkverkeer tussen de interne netwerken en de internet- en andere externe verbindingen;
- de implementatie van een veilige configuratiebaseline van alle netwerkcomponenten en van de hardening van het netwerk en netwerkapparaten.</t>
  </si>
  <si>
    <t>Als onderdeel van zijn beleidslijnen, procedures, protocollen en tools voor ICT-beveiliging heeft de financiële instelling een beleid voor encryptie en het beheer van cryptografische sleutels ontwikkeld, gedocumenteerd en geïmplementeerd. De financiële instelling neemt in hun beleidslijnen  en procedures voor het beheer van cryptografische sleutels vereisten op voor het beheer van sleutels tijdens hun gehele levenscyclus, met inbegrip van het genereren, vernieuwen, opslaan, backuppen, archiveren, ophalen, overdragen, intrekken, herroepen en vernietigen van die cryptografische sleutel. De financiële instelling treft passende maatregelen om cryptografische sleutels tijdens hun hele levenscyclus te beschermen tegen verlies, ongeautoriseerde toegang, bekend worden en modificatie.</t>
  </si>
  <si>
    <t>De financiële instelling heeft een incidentbeheerproces om incidenten te detecteren, te beheren en te melden. Dit omvat onder meer de implementatie van (vroege) waarschuwingsindicatoren, procedures voor het identificeren, volgen, loggen, categoriseren en classificeren van incidenten, rollen en verantwoordelijkheden, communicatieplannen, rapportage van grote incidenten en incidentresponsprocedures. Het incidentbeheerproces wordt periodiek geëvalueerd.</t>
  </si>
  <si>
    <t>Als onderdeel van de beleidslijnen, procedures, protocollen en tools voor ICT-beveiliging ontwikkelen, documenteren en implementeren financiële entiteiten een procedure voor gegevens- en systeembeveiliging , met inbegrip van:
- de identificatie van beveiligingsmaatregelen die ervoor zorgen dat alleen geautoriseerde media en systemen voor gegevensopslag en endpoint-apparaten worden gebruikt om gegevens van de financiële entiteit over te dragen en op te slaan;
- het proces om veilig gegevens te wissen die de financiële entiteit niet langer hoeft te verzamelen of op te slaan;
- het proces om apparaten voor gegevensopslag die vertrouwelijke informatie bevatten, af te voeren of te ontmantelen;
- de identificatie en implementatie van beveiligingsmaatregelen om gegevensverlies en -lekken te voorkomen bij systemen en endpoint-apparaten.</t>
  </si>
  <si>
    <t>De instelling heeft passende beheersmaatregelen getroffen om het beschadigen van back-ups te voorkomen, te detecteren en te mitigeren.</t>
  </si>
  <si>
    <t>De financiële instelling heeft beleidslijnen, procedures, protocollen en processen gedefinieerd en geïmplementeerd die borgen dat voordat een contractuele regeling over het gebruik van ICT-diensten wordt afgesloten, de financiële instelling een risicoanalyse uitvoert om te toetsen of de instelling voldoet aan de gedefinieerde risicobereidheid voor ICT risico derde aanbieders en  uitbestedingsrisico:
- op het niveau van de financiële entiteit en, indien van toepassing;
- op geconsolideerd en sub-geconsolideerd niveau. 
De risicoanalyse houdt rekening met:
- alle relevante vereisten die zijn vastgelegd in Verordening 2022/2554 en toepasselijke sectorale EU-wetgeving; 
- met de impact van de levering van ICT-diensten ter ondersteuning van kritieke of belangrijke functies door ICT-dienstverleners van derden op de financiële instelling; en,
- alle risico's die worden gedekt door artikel 5 (ex ante risk assessment) van de Gedelegeerde Verordening (EU) 2024/1773.</t>
  </si>
  <si>
    <r>
      <t xml:space="preserve">De financiële instelling beheert het ICT risico van derde aanbieders als integrerend onderdeel van het ICT-risicobeheerraamwerk en stelt in dit kader een strategie inzake ICT risico van derde aanbieders vast, ïmplementeert deze en herziet de strategie regelmatig.
- De strategie voor ICT-derdepartijrisico's omvat een beleid voor het gebruik van door derde aanbieders verleende ICT-diensten die kritieke of belangrijke functies* ondersteunen (Verordening (EU) 2022/2554, artikel 28(1) en 28(2)). 
- Op basis van een beoordeling van het algehele risicoprofiel van de financiële instelling en de schaal en complexiteit van de zakelijke diensten, evalueert het leidinggevend orgaan </t>
    </r>
    <r>
      <rPr>
        <b/>
        <sz val="11"/>
        <rFont val="Aptos Narrow"/>
        <family val="2"/>
        <scheme val="minor"/>
      </rPr>
      <t>r</t>
    </r>
    <r>
      <rPr>
        <sz val="11"/>
        <rFont val="Aptos Narrow"/>
        <family val="2"/>
        <scheme val="minor"/>
      </rPr>
      <t>egelmatig de vastgestelde risico’s met betrekking tot de contractuele overeenkomsten inzake het gebruik van ICT-diensten die kritieke of belangrijke functies ondersteunen.</t>
    </r>
  </si>
  <si>
    <t>Waar de contractuele afspraken over het gebruik van ICT-diensten, ter ondersteuning van kritieke of belangrijke functies, voorzien in onderuitbesteding, beoordeelt de financiële instelling of en hoe potentiële lange of complexe ketens van onderuitbesteding van invloed kunnen zijn op hun vermogen om de gecontracteerde functies volledig te monitoren en op het vermogen van de bevoegde autoriteit om in dat verband doeltreffend toezicht uit te oefenen op de financiële instelling (Verordening (EU) 2022/2554, Artikel 29(2)). 
- Daarbij voert de financiële instelling periodiek risicobeoordelingen en due diligence onderzoeken uit volgens de vereisten van de Gedelegeerde Verordening 2025/532, Artikel 3. 
- Verder worden de beschrijving en voorwaarden waaronder ICT-diensten ter ondersteuning van een kritieke of belangrijke functie kunnen worden (onder)uitbesteed schriftelijk vastgelegd in contractuele regelingen met de derde partij dienstverlener inclusief afspraken over tijdig informeren in het geval van beoogde materiele veranderingen  (Gedelegeerde Verordening 2025/532, Artikel 4 en 5).</t>
  </si>
  <si>
    <t>RC07.01</t>
  </si>
  <si>
    <t>RC07.02</t>
  </si>
  <si>
    <t>De financiële instelling voert ten minste eenmaal per jaar een specifieke risicobeoordeling uit op alle legacy ICT-systemen* en in ieder geval vóór en na de aansluiting van technologieën, applicaties of systemen.</t>
  </si>
  <si>
    <t>De financiële instelling voert een risicobeoordeling uit bij elke belangrijke wijziging in de netwerk- en informatiesysteeminfrastructuur en in de processen of procedures die van invloed zijn op hun door ICT ondersteunde bedrijfsfuncties en informatie- of ICT-assets .</t>
  </si>
  <si>
    <t>SBA-Cyberweerbaarheid, v1.0, pensioen- en verzekeringssector</t>
  </si>
  <si>
    <t>Niveau</t>
  </si>
  <si>
    <t>Definitie van het volwassenheidsniveau:</t>
  </si>
  <si>
    <t>Criteria ter verduidelijking:</t>
  </si>
  <si>
    <r>
      <rPr>
        <b/>
        <sz val="11"/>
        <color theme="1"/>
        <rFont val="Aptos Narrow"/>
        <family val="2"/>
        <scheme val="minor"/>
      </rPr>
      <t>Niet bestaand</t>
    </r>
    <r>
      <rPr>
        <sz val="11"/>
        <color theme="1"/>
        <rFont val="Aptos Narrow"/>
        <family val="2"/>
        <scheme val="minor"/>
      </rPr>
      <t xml:space="preserve"> – Aan deze beheersmaatregel is geen 
aandacht besteed.</t>
    </r>
  </si>
  <si>
    <r>
      <rPr>
        <b/>
        <sz val="11"/>
        <color theme="1"/>
        <rFont val="Aptos Narrow"/>
        <family val="2"/>
        <scheme val="minor"/>
      </rPr>
      <t>Initieel</t>
    </r>
    <r>
      <rPr>
        <sz val="11"/>
        <color theme="1"/>
        <rFont val="Aptos Narrow"/>
        <family val="2"/>
        <scheme val="minor"/>
      </rPr>
      <t xml:space="preserve"> - De beheersmaatregel is (gedeeltelijk) gedefinieerd, 
maar wordt op inconsistente wijze uitgevoerd. Er is een grote 
afhankelijkheid van individuen bij de uitvoering van de 
beheersmaatregel.</t>
    </r>
  </si>
  <si>
    <r>
      <rPr>
        <b/>
        <sz val="11"/>
        <color theme="1"/>
        <rFont val="Aptos Narrow"/>
        <family val="2"/>
        <scheme val="minor"/>
      </rPr>
      <t>Herhaalbaar maar informeel</t>
    </r>
    <r>
      <rPr>
        <sz val="11"/>
        <color theme="1"/>
        <rFont val="Aptos Narrow"/>
        <family val="2"/>
        <scheme val="minor"/>
      </rPr>
      <t xml:space="preserve"> – De beheersmaatregel is aanwezig 
en wordt op consistente en gestructureerde, maar op informele 
wijze uitgevoerd.</t>
    </r>
  </si>
  <si>
    <r>
      <rPr>
        <b/>
        <sz val="11"/>
        <color theme="1"/>
        <rFont val="Aptos Narrow"/>
        <family val="2"/>
        <scheme val="minor"/>
      </rPr>
      <t>Gedefinieerd (opzet bestaan en werking)</t>
    </r>
    <r>
      <rPr>
        <sz val="11"/>
        <color theme="1"/>
        <rFont val="Aptos Narrow"/>
        <family val="2"/>
        <scheme val="minor"/>
      </rPr>
      <t xml:space="preserve"> – De opzet van de 
beheersmaatregel is gedocumenteerd en wordt op gestructureerde 
en geformaliseerde wijze uitgevoerd. De vereiste effectiviteit van de 
beheersmaatregel is aantoonbaar en wordt getoetst. Daar waar 
nodig wordt de beheersmaatregel verbeterd.</t>
    </r>
  </si>
  <si>
    <t xml:space="preserve">▪ Geen of beperkte beheersmaatregel geïmplementeerd.
▪ De beheersmaatregel is ad-hoc uitgevoerd.
▪ De beheersmaatregel is niet gedocumenteerd.
▪ De wijze van uitvoering is afhankelijk van een individu en niet gestandaardiseerd.
▪ De taken en en verantwoordelijkheden incl. noodzakelijke functiescheiding zijn beschreven voor deze control, maar worden in de praktijk veelal niet 
conform de beschrijving uitgevoerd.
▪ Toetsing op werking van deze control vindt incidenteel plaats.
▪ Het effect van de beheersmaatregel wordt niet beoordeeld. </t>
  </si>
  <si>
    <t>▪ Opzet, bestaan en effectieve werking zijn aantoonbaar.
▪ De beheersmaatregel is gedefinieerd op basis van een risico assessment.
▪ De beheersmaatregel is bepaald, schriftelijk vastgelegd en ingebed in de organisatie.
▪ Taken en verantwoordelijkheden incl. noodzakelijke functiescheiding zijn uitgeschreven geïmplementeerd en getoetst op werking en worden geëvalueerd.
▪ De effectieve werking is over een periode van minimaal 6 maanden risicogebaseerd getoetst, aangetoond en vastgelegd.
▪ Over de uitvoering van de beheersmaatregel wordt aan het management gerapporteerd.</t>
  </si>
  <si>
    <t>Toelichting instelling</t>
  </si>
  <si>
    <t>▪ Opzet en bestaan zijn beperkt aantoonbaar.
▪ De beheersmaatregel is slechts deels bepaald, deels schriftelijk vastgelegd en deels ingebed in de organisatie.
▪ De taken en verantwoordelijkheden incl. noodzakelijke functiescheiding zijn beschreven voor deze beheersmaatregel en worden in de praktijk uitgevoerd.
▪ Het effect van de control kan niet worden aangetoond en/of is niet vastgelegd.
▪ De werking van de beheersmaatregel wordt minder dan 6 maanden periodiek getoetst en vastgelegd ofwel de effectiviteit kan niet worden aangetoond over 6 maanden.</t>
  </si>
  <si>
    <t xml:space="preserve"> Verzekeraars
PUO
ZAF</t>
  </si>
  <si>
    <t>Bij het invullen van de sector brede analyse Cyberweerbaarheid (SBA-Cyberweerbaarheid) houdt de instelling bij het toekennen van de volwassenheidsniveaus, rekening met de definities in onderstaande tabel. In de eerste kolom staan de volwassenheidsniveaus van 0 t/m 3. In de tweede kolom staan de definities van de volwassenheidsniveaus welke DNB bij haar toezichtonderzoeken hanteert. In de derde kolom zijn criteria opgenomen ter verdere verduidelijking van het volwassenheidsniveau.
De criteria genoemd bij de niveaus tot en met 3 ‘gedefinieerd’ (opzet, bestaan en werking) zien met name toe op de aantoonbaarheid en effectiviteit van de control. Financiële instellingen moeten aantoonbaar ‘in control’ zijn. In het door DNB gehanteerde volwassenheidsniveau komt dat overeen met een volwassenheidsniveau van ‘3’.</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0" x14ac:knownFonts="1">
    <font>
      <sz val="11"/>
      <color theme="1"/>
      <name val="Aptos Narrow"/>
      <family val="2"/>
      <scheme val="minor"/>
    </font>
    <font>
      <sz val="11"/>
      <color rgb="FFFF0000"/>
      <name val="Aptos Narrow"/>
      <family val="2"/>
      <scheme val="minor"/>
    </font>
    <font>
      <b/>
      <sz val="11"/>
      <color theme="1"/>
      <name val="Aptos Narrow"/>
      <family val="2"/>
      <scheme val="minor"/>
    </font>
    <font>
      <b/>
      <sz val="16"/>
      <color theme="1"/>
      <name val="Aptos Narrow"/>
      <family val="2"/>
      <scheme val="minor"/>
    </font>
    <font>
      <u/>
      <sz val="11"/>
      <color theme="10"/>
      <name val="Aptos Narrow"/>
      <family val="2"/>
      <scheme val="minor"/>
    </font>
    <font>
      <sz val="8"/>
      <name val="Aptos Narrow"/>
      <family val="2"/>
      <scheme val="minor"/>
    </font>
    <font>
      <sz val="11"/>
      <name val="Aptos Narrow"/>
      <family val="2"/>
      <scheme val="minor"/>
    </font>
    <font>
      <b/>
      <sz val="11"/>
      <name val="Aptos Narrow"/>
      <family val="2"/>
      <scheme val="minor"/>
    </font>
    <font>
      <sz val="11"/>
      <color rgb="FF000000"/>
      <name val="Aptos Narrow"/>
      <charset val="1"/>
    </font>
    <font>
      <sz val="11"/>
      <name val="Aptos Narrow"/>
      <family val="2"/>
    </font>
  </fonts>
  <fills count="13">
    <fill>
      <patternFill patternType="none"/>
    </fill>
    <fill>
      <patternFill patternType="gray125"/>
    </fill>
    <fill>
      <patternFill patternType="solid">
        <fgColor theme="4" tint="0.59999389629810485"/>
        <bgColor indexed="64"/>
      </patternFill>
    </fill>
    <fill>
      <patternFill patternType="solid">
        <fgColor theme="3" tint="0.79998168889431442"/>
        <bgColor indexed="64"/>
      </patternFill>
    </fill>
    <fill>
      <patternFill patternType="solid">
        <fgColor theme="4" tint="0.39997558519241921"/>
        <bgColor indexed="64"/>
      </patternFill>
    </fill>
    <fill>
      <patternFill patternType="solid">
        <fgColor theme="5" tint="0.39997558519241921"/>
        <bgColor indexed="64"/>
      </patternFill>
    </fill>
    <fill>
      <patternFill patternType="solid">
        <fgColor theme="6" tint="0.39997558519241921"/>
        <bgColor indexed="64"/>
      </patternFill>
    </fill>
    <fill>
      <patternFill patternType="solid">
        <fgColor theme="7" tint="0.39997558519241921"/>
        <bgColor indexed="64"/>
      </patternFill>
    </fill>
    <fill>
      <patternFill patternType="solid">
        <fgColor theme="8" tint="0.39997558519241921"/>
        <bgColor indexed="64"/>
      </patternFill>
    </fill>
    <fill>
      <patternFill patternType="solid">
        <fgColor theme="9" tint="0.39997558519241921"/>
        <bgColor indexed="64"/>
      </patternFill>
    </fill>
    <fill>
      <patternFill patternType="solid">
        <fgColor rgb="FFFFFF00"/>
        <bgColor indexed="64"/>
      </patternFill>
    </fill>
    <fill>
      <patternFill patternType="solid">
        <fgColor theme="0" tint="-0.499984740745262"/>
        <bgColor indexed="64"/>
      </patternFill>
    </fill>
    <fill>
      <patternFill patternType="solid">
        <fgColor theme="0" tint="-0.14999847407452621"/>
        <bgColor indexed="64"/>
      </patternFill>
    </fill>
  </fills>
  <borders count="7">
    <border>
      <left/>
      <right/>
      <top/>
      <bottom/>
      <diagonal/>
    </border>
    <border>
      <left style="thin">
        <color auto="1"/>
      </left>
      <right style="thin">
        <color auto="1"/>
      </right>
      <top style="thin">
        <color auto="1"/>
      </top>
      <bottom style="thin">
        <color auto="1"/>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indexed="64"/>
      </right>
      <top style="medium">
        <color indexed="64"/>
      </top>
      <bottom style="medium">
        <color indexed="64"/>
      </bottom>
      <diagonal/>
    </border>
    <border>
      <left style="thin">
        <color auto="1"/>
      </left>
      <right/>
      <top style="thin">
        <color auto="1"/>
      </top>
      <bottom style="thin">
        <color auto="1"/>
      </bottom>
      <diagonal/>
    </border>
    <border>
      <left style="thin">
        <color indexed="64"/>
      </left>
      <right/>
      <top/>
      <bottom/>
      <diagonal/>
    </border>
  </borders>
  <cellStyleXfs count="2">
    <xf numFmtId="0" fontId="0" fillId="0" borderId="0"/>
    <xf numFmtId="0" fontId="4" fillId="0" borderId="0" applyNumberFormat="0" applyFill="0" applyBorder="0" applyAlignment="0" applyProtection="0"/>
  </cellStyleXfs>
  <cellXfs count="42">
    <xf numFmtId="0" fontId="0" fillId="0" borderId="0" xfId="0"/>
    <xf numFmtId="0" fontId="2" fillId="0" borderId="0" xfId="0" applyFont="1" applyAlignment="1">
      <alignment horizontal="center" vertical="center"/>
    </xf>
    <xf numFmtId="0" fontId="0" fillId="0" borderId="0" xfId="0" applyAlignment="1">
      <alignment wrapText="1"/>
    </xf>
    <xf numFmtId="0" fontId="0" fillId="0" borderId="0" xfId="0" applyAlignment="1">
      <alignment vertical="center"/>
    </xf>
    <xf numFmtId="0" fontId="6" fillId="0" borderId="1" xfId="0" applyFont="1" applyBorder="1" applyAlignment="1">
      <alignment horizontal="left" vertical="top"/>
    </xf>
    <xf numFmtId="0" fontId="0" fillId="0" borderId="1" xfId="0" applyBorder="1" applyAlignment="1">
      <alignment horizontal="center" vertical="center"/>
    </xf>
    <xf numFmtId="0" fontId="0" fillId="0" borderId="1" xfId="0" applyBorder="1" applyAlignment="1">
      <alignment horizontal="center" vertical="center" wrapText="1"/>
    </xf>
    <xf numFmtId="0" fontId="6" fillId="0" borderId="1" xfId="0" applyFont="1" applyBorder="1" applyAlignment="1">
      <alignment horizontal="center" vertical="center"/>
    </xf>
    <xf numFmtId="0" fontId="1" fillId="0" borderId="1" xfId="0" applyFont="1" applyBorder="1" applyAlignment="1">
      <alignment horizontal="center" vertical="center" wrapText="1"/>
    </xf>
    <xf numFmtId="0" fontId="8" fillId="0" borderId="1" xfId="0" applyFont="1" applyBorder="1" applyAlignment="1">
      <alignment horizontal="center" vertical="center" wrapText="1"/>
    </xf>
    <xf numFmtId="0" fontId="1" fillId="0" borderId="1" xfId="0" applyFont="1" applyBorder="1" applyAlignment="1">
      <alignment horizontal="left" vertical="top" wrapText="1"/>
    </xf>
    <xf numFmtId="0" fontId="2" fillId="3" borderId="1" xfId="0" applyFont="1" applyFill="1" applyBorder="1" applyAlignment="1">
      <alignment horizontal="center" vertical="center"/>
    </xf>
    <xf numFmtId="0" fontId="2" fillId="3" borderId="1" xfId="0" applyFont="1" applyFill="1" applyBorder="1" applyAlignment="1">
      <alignment horizontal="center" vertical="center" wrapText="1"/>
    </xf>
    <xf numFmtId="0" fontId="4" fillId="0" borderId="1" xfId="1" applyBorder="1" applyAlignment="1">
      <alignment horizontal="left" vertical="top"/>
    </xf>
    <xf numFmtId="0" fontId="4" fillId="0" borderId="1" xfId="1" applyBorder="1" applyAlignment="1">
      <alignment horizontal="left" vertical="top" wrapText="1"/>
    </xf>
    <xf numFmtId="0" fontId="0" fillId="0" borderId="1" xfId="0" applyBorder="1" applyAlignment="1">
      <alignment vertical="top"/>
    </xf>
    <xf numFmtId="0" fontId="6" fillId="0" borderId="1" xfId="0" applyFont="1" applyBorder="1" applyAlignment="1">
      <alignment vertical="top"/>
    </xf>
    <xf numFmtId="0" fontId="6" fillId="0" borderId="1" xfId="0" applyFont="1" applyBorder="1" applyAlignment="1">
      <alignment vertical="top" wrapText="1"/>
    </xf>
    <xf numFmtId="0" fontId="2" fillId="4" borderId="1" xfId="0" applyFont="1" applyFill="1" applyBorder="1" applyAlignment="1">
      <alignment vertical="top" wrapText="1"/>
    </xf>
    <xf numFmtId="0" fontId="2" fillId="5" borderId="1" xfId="0" applyFont="1" applyFill="1" applyBorder="1" applyAlignment="1">
      <alignment vertical="top" wrapText="1"/>
    </xf>
    <xf numFmtId="0" fontId="2" fillId="6" borderId="1" xfId="0" applyFont="1" applyFill="1" applyBorder="1" applyAlignment="1">
      <alignment vertical="top" wrapText="1"/>
    </xf>
    <xf numFmtId="0" fontId="2" fillId="7" borderId="1" xfId="0" applyFont="1" applyFill="1" applyBorder="1" applyAlignment="1">
      <alignment vertical="top" wrapText="1"/>
    </xf>
    <xf numFmtId="0" fontId="2" fillId="8" borderId="1" xfId="0" applyFont="1" applyFill="1" applyBorder="1" applyAlignment="1">
      <alignment vertical="top" wrapText="1"/>
    </xf>
    <xf numFmtId="0" fontId="2" fillId="9" borderId="1" xfId="0" applyFont="1" applyFill="1" applyBorder="1" applyAlignment="1">
      <alignment vertical="top" wrapText="1"/>
    </xf>
    <xf numFmtId="0" fontId="0" fillId="0" borderId="0" xfId="0" applyAlignment="1">
      <alignment horizontal="center"/>
    </xf>
    <xf numFmtId="0" fontId="6" fillId="0" borderId="1" xfId="0" applyFont="1" applyBorder="1" applyAlignment="1">
      <alignment horizontal="center" vertical="center" wrapText="1"/>
    </xf>
    <xf numFmtId="0" fontId="0" fillId="10" borderId="1" xfId="0" applyFill="1" applyBorder="1" applyAlignment="1">
      <alignment horizontal="center" vertical="center"/>
    </xf>
    <xf numFmtId="0" fontId="9" fillId="0" borderId="1" xfId="0" applyFont="1" applyBorder="1" applyAlignment="1">
      <alignment vertical="top" wrapText="1"/>
    </xf>
    <xf numFmtId="0" fontId="0" fillId="11" borderId="1" xfId="0" applyFill="1" applyBorder="1" applyAlignment="1">
      <alignment horizontal="center" vertical="center"/>
    </xf>
    <xf numFmtId="0" fontId="0" fillId="0" borderId="1" xfId="0" applyBorder="1" applyAlignment="1">
      <alignment horizontal="left" vertical="top"/>
    </xf>
    <xf numFmtId="0" fontId="0" fillId="0" borderId="1" xfId="0" applyBorder="1" applyAlignment="1">
      <alignment horizontal="left" vertical="top" wrapText="1"/>
    </xf>
    <xf numFmtId="0" fontId="0" fillId="0" borderId="1" xfId="0" applyBorder="1" applyAlignment="1">
      <alignment horizontal="center" vertical="top"/>
    </xf>
    <xf numFmtId="0" fontId="0" fillId="0" borderId="5" xfId="0" applyBorder="1" applyAlignment="1">
      <alignment horizontal="left" vertical="top" wrapText="1"/>
    </xf>
    <xf numFmtId="0" fontId="0" fillId="0" borderId="6" xfId="0" applyBorder="1" applyAlignment="1">
      <alignment vertical="center"/>
    </xf>
    <xf numFmtId="0" fontId="3" fillId="2" borderId="0" xfId="0" applyFont="1" applyFill="1" applyAlignment="1">
      <alignment horizontal="center" vertical="center" wrapText="1"/>
    </xf>
    <xf numFmtId="0" fontId="7" fillId="0" borderId="1" xfId="0" applyFont="1" applyBorder="1" applyAlignment="1">
      <alignment horizontal="center" vertical="center" wrapText="1"/>
    </xf>
    <xf numFmtId="0" fontId="6" fillId="0" borderId="1" xfId="0" applyFont="1" applyBorder="1" applyAlignment="1">
      <alignment horizontal="left" vertical="top" wrapText="1"/>
    </xf>
    <xf numFmtId="0" fontId="0" fillId="0" borderId="0" xfId="0" applyAlignment="1">
      <alignment horizontal="center"/>
    </xf>
    <xf numFmtId="0" fontId="3" fillId="2" borderId="2" xfId="0" applyFont="1" applyFill="1" applyBorder="1" applyAlignment="1">
      <alignment horizontal="center" vertical="center" wrapText="1"/>
    </xf>
    <xf numFmtId="0" fontId="3" fillId="2" borderId="3" xfId="0" applyFont="1" applyFill="1" applyBorder="1" applyAlignment="1">
      <alignment horizontal="center" vertical="center" wrapText="1"/>
    </xf>
    <xf numFmtId="0" fontId="3" fillId="2" borderId="4" xfId="0" applyFont="1" applyFill="1" applyBorder="1" applyAlignment="1">
      <alignment horizontal="center" vertical="center" wrapText="1"/>
    </xf>
    <xf numFmtId="0" fontId="0" fillId="12" borderId="0" xfId="0" applyFill="1" applyAlignment="1">
      <alignment horizontal="left" vertical="top" wrapText="1"/>
    </xf>
  </cellXfs>
  <cellStyles count="2">
    <cellStyle name="Hyperlink" xfId="1" builtinId="8"/>
    <cellStyle name="Standaard"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12" Type="http://schemas.openxmlformats.org/officeDocument/2006/relationships/customXml" Target="../customXml/item6.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8" Type="http://schemas.openxmlformats.org/officeDocument/2006/relationships/printerSettings" Target="../printerSettings/printerSettings1.bin"/><Relationship Id="rId3" Type="http://schemas.openxmlformats.org/officeDocument/2006/relationships/hyperlink" Target="https://eur-lex.europa.eu/legal-content/NL/TXT/HTML/?uri=CELEX:32022R2554" TargetMode="External"/><Relationship Id="rId7" Type="http://schemas.openxmlformats.org/officeDocument/2006/relationships/hyperlink" Target="https://eur-lex.europa.eu/legal-content/NL/TXT/HTML/?uri=CELEX:32022R2554" TargetMode="External"/><Relationship Id="rId2" Type="http://schemas.openxmlformats.org/officeDocument/2006/relationships/hyperlink" Target="https://eur-lex.europa.eu/legal-content/NL/TXT/HTML/?uri=CELEX:32022R2554" TargetMode="External"/><Relationship Id="rId1" Type="http://schemas.openxmlformats.org/officeDocument/2006/relationships/hyperlink" Target="https://eur-lex.europa.eu/legal-content/NL/TXT/HTML/?uri=CELEX:32022R2554" TargetMode="External"/><Relationship Id="rId6" Type="http://schemas.openxmlformats.org/officeDocument/2006/relationships/hyperlink" Target="https://eur-lex.europa.eu/legal-content/NL/TXT/HTML/?uri=CELEX:32022R2554" TargetMode="External"/><Relationship Id="rId5" Type="http://schemas.openxmlformats.org/officeDocument/2006/relationships/hyperlink" Target="https://eur-lex.europa.eu/legal-content/NL/TXT/HTML/?uri=CELEX:32022R2554" TargetMode="External"/><Relationship Id="rId4" Type="http://schemas.openxmlformats.org/officeDocument/2006/relationships/hyperlink" Target="https://eur-lex.europa.eu/legal-content/NL/TXT/HTML/?uri=CELEX:32022R2554" TargetMode="Externa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1596412-9421-48B2-B66F-5DF4B74ACE3B}">
  <dimension ref="A1:J49"/>
  <sheetViews>
    <sheetView showGridLines="0" tabSelected="1" zoomScale="85" zoomScaleNormal="85" workbookViewId="0">
      <pane ySplit="3" topLeftCell="A4" activePane="bottomLeft" state="frozen"/>
      <selection activeCell="A4" sqref="A4"/>
      <selection pane="bottomLeft" activeCell="A3" sqref="A3"/>
    </sheetView>
  </sheetViews>
  <sheetFormatPr defaultColWidth="9.140625" defaultRowHeight="15" x14ac:dyDescent="0.25"/>
  <cols>
    <col min="1" max="1" width="14.85546875" customWidth="1"/>
    <col min="2" max="2" width="8.5703125" bestFit="1" customWidth="1"/>
    <col min="3" max="3" width="79.85546875" style="2" customWidth="1"/>
    <col min="4" max="4" width="74.28515625" customWidth="1"/>
    <col min="5" max="5" width="58.42578125" customWidth="1"/>
    <col min="6" max="6" width="14.7109375" customWidth="1"/>
    <col min="7" max="7" width="58.42578125" customWidth="1"/>
    <col min="8" max="10" width="14.7109375" customWidth="1"/>
  </cols>
  <sheetData>
    <row r="1" spans="1:10" ht="21.75" thickBot="1" x14ac:dyDescent="0.3">
      <c r="B1" s="1"/>
      <c r="C1" s="38" t="s">
        <v>135</v>
      </c>
      <c r="D1" s="39"/>
      <c r="E1" s="40"/>
      <c r="F1" s="34"/>
      <c r="G1" s="34"/>
      <c r="H1" s="37"/>
      <c r="I1" s="37"/>
      <c r="J1" s="24"/>
    </row>
    <row r="2" spans="1:10" x14ac:dyDescent="0.25">
      <c r="H2" s="26">
        <f>SUM(H4:H49)</f>
        <v>27</v>
      </c>
      <c r="I2" s="26">
        <f>SUM(I4:I49)</f>
        <v>36</v>
      </c>
      <c r="J2" s="26">
        <f>SUM(J4:J49)</f>
        <v>46</v>
      </c>
    </row>
    <row r="3" spans="1:10" s="1" customFormat="1" ht="45" x14ac:dyDescent="0.25">
      <c r="A3" s="11" t="s">
        <v>0</v>
      </c>
      <c r="B3" s="12" t="s">
        <v>1</v>
      </c>
      <c r="C3" s="12"/>
      <c r="D3" s="12" t="s">
        <v>2</v>
      </c>
      <c r="E3" s="12" t="s">
        <v>3</v>
      </c>
      <c r="F3" s="12" t="s">
        <v>136</v>
      </c>
      <c r="G3" s="12" t="s">
        <v>145</v>
      </c>
      <c r="H3" s="12" t="s">
        <v>112</v>
      </c>
      <c r="I3" s="12" t="s">
        <v>113</v>
      </c>
      <c r="J3" s="12" t="s">
        <v>147</v>
      </c>
    </row>
    <row r="4" spans="1:10" s="3" customFormat="1" ht="108" customHeight="1" x14ac:dyDescent="0.25">
      <c r="A4" s="18" t="s">
        <v>4</v>
      </c>
      <c r="B4" s="15" t="s">
        <v>5</v>
      </c>
      <c r="C4" s="17" t="s">
        <v>6</v>
      </c>
      <c r="D4" s="13" t="s">
        <v>7</v>
      </c>
      <c r="E4" s="36" t="s">
        <v>8</v>
      </c>
      <c r="F4" s="35"/>
      <c r="G4" s="10"/>
      <c r="H4" s="6">
        <v>1</v>
      </c>
      <c r="I4" s="6">
        <v>1</v>
      </c>
      <c r="J4" s="6">
        <v>1</v>
      </c>
    </row>
    <row r="5" spans="1:10" s="3" customFormat="1" ht="105" x14ac:dyDescent="0.25">
      <c r="A5" s="18" t="s">
        <v>4</v>
      </c>
      <c r="B5" s="15" t="s">
        <v>9</v>
      </c>
      <c r="C5" s="17" t="s">
        <v>117</v>
      </c>
      <c r="D5" s="14" t="s">
        <v>10</v>
      </c>
      <c r="E5" s="7"/>
      <c r="F5" s="35"/>
      <c r="G5" s="5"/>
      <c r="H5" s="6">
        <v>1</v>
      </c>
      <c r="I5" s="6">
        <v>1</v>
      </c>
      <c r="J5" s="6">
        <v>1</v>
      </c>
    </row>
    <row r="6" spans="1:10" s="3" customFormat="1" ht="60" x14ac:dyDescent="0.25">
      <c r="A6" s="18" t="s">
        <v>4</v>
      </c>
      <c r="B6" s="15" t="s">
        <v>11</v>
      </c>
      <c r="C6" s="17" t="s">
        <v>118</v>
      </c>
      <c r="D6" s="13" t="s">
        <v>7</v>
      </c>
      <c r="E6" s="7"/>
      <c r="F6" s="35"/>
      <c r="G6" s="5"/>
      <c r="H6" s="6">
        <v>1</v>
      </c>
      <c r="I6" s="6">
        <v>1</v>
      </c>
      <c r="J6" s="6">
        <v>1</v>
      </c>
    </row>
    <row r="7" spans="1:10" s="3" customFormat="1" ht="30" x14ac:dyDescent="0.25">
      <c r="A7" s="18" t="s">
        <v>4</v>
      </c>
      <c r="B7" s="16" t="s">
        <v>12</v>
      </c>
      <c r="C7" s="17" t="s">
        <v>13</v>
      </c>
      <c r="D7" s="13" t="s">
        <v>7</v>
      </c>
      <c r="E7" s="7"/>
      <c r="F7" s="35"/>
      <c r="G7" s="7"/>
      <c r="H7" s="25"/>
      <c r="I7" s="25">
        <v>1</v>
      </c>
      <c r="J7" s="25">
        <v>1</v>
      </c>
    </row>
    <row r="8" spans="1:10" s="3" customFormat="1" ht="60" x14ac:dyDescent="0.25">
      <c r="A8" s="18" t="s">
        <v>4</v>
      </c>
      <c r="B8" s="15" t="s">
        <v>14</v>
      </c>
      <c r="C8" s="17" t="s">
        <v>15</v>
      </c>
      <c r="D8" s="13" t="s">
        <v>7</v>
      </c>
      <c r="E8" s="7"/>
      <c r="F8" s="35"/>
      <c r="G8" s="5"/>
      <c r="H8" s="6"/>
      <c r="I8" s="6"/>
      <c r="J8" s="6">
        <v>1</v>
      </c>
    </row>
    <row r="9" spans="1:10" s="3" customFormat="1" ht="90" x14ac:dyDescent="0.25">
      <c r="A9" s="19" t="s">
        <v>16</v>
      </c>
      <c r="B9" s="15" t="s">
        <v>17</v>
      </c>
      <c r="C9" s="17" t="s">
        <v>119</v>
      </c>
      <c r="D9" s="13" t="s">
        <v>18</v>
      </c>
      <c r="E9" s="36"/>
      <c r="F9" s="35"/>
      <c r="G9" s="10"/>
      <c r="H9" s="6">
        <v>1</v>
      </c>
      <c r="I9" s="6">
        <v>1</v>
      </c>
      <c r="J9" s="6">
        <v>1</v>
      </c>
    </row>
    <row r="10" spans="1:10" s="3" customFormat="1" ht="60" x14ac:dyDescent="0.25">
      <c r="A10" s="19" t="s">
        <v>16</v>
      </c>
      <c r="B10" s="15" t="s">
        <v>131</v>
      </c>
      <c r="C10" s="17" t="s">
        <v>134</v>
      </c>
      <c r="D10" s="13" t="s">
        <v>19</v>
      </c>
      <c r="E10" s="36"/>
      <c r="F10" s="35"/>
      <c r="G10" s="10"/>
      <c r="H10" s="6"/>
      <c r="I10" s="6"/>
      <c r="J10" s="6">
        <v>1</v>
      </c>
    </row>
    <row r="11" spans="1:10" s="3" customFormat="1" ht="105" x14ac:dyDescent="0.25">
      <c r="A11" s="19" t="s">
        <v>16</v>
      </c>
      <c r="B11" s="16" t="s">
        <v>132</v>
      </c>
      <c r="C11" s="17" t="s">
        <v>133</v>
      </c>
      <c r="D11" s="13" t="s">
        <v>19</v>
      </c>
      <c r="E11" s="36" t="s">
        <v>115</v>
      </c>
      <c r="F11" s="35"/>
      <c r="G11" s="10"/>
      <c r="H11" s="8"/>
      <c r="I11" s="8"/>
      <c r="J11" s="6">
        <v>1</v>
      </c>
    </row>
    <row r="12" spans="1:10" s="3" customFormat="1" ht="75" x14ac:dyDescent="0.25">
      <c r="A12" s="19" t="s">
        <v>16</v>
      </c>
      <c r="B12" s="16" t="s">
        <v>20</v>
      </c>
      <c r="C12" s="17" t="s">
        <v>21</v>
      </c>
      <c r="D12" s="13" t="s">
        <v>22</v>
      </c>
      <c r="E12" s="4"/>
      <c r="F12" s="35"/>
      <c r="G12" s="4"/>
      <c r="H12" s="25">
        <v>1</v>
      </c>
      <c r="I12" s="25">
        <v>1</v>
      </c>
      <c r="J12" s="25">
        <v>1</v>
      </c>
    </row>
    <row r="13" spans="1:10" s="3" customFormat="1" ht="60" x14ac:dyDescent="0.25">
      <c r="A13" s="19" t="s">
        <v>16</v>
      </c>
      <c r="B13" s="15" t="s">
        <v>23</v>
      </c>
      <c r="C13" s="17" t="s">
        <v>120</v>
      </c>
      <c r="D13" s="13" t="s">
        <v>19</v>
      </c>
      <c r="E13" s="7"/>
      <c r="F13" s="35"/>
      <c r="G13" s="5"/>
      <c r="H13" s="6">
        <v>1</v>
      </c>
      <c r="I13" s="6">
        <v>1</v>
      </c>
      <c r="J13" s="6">
        <v>1</v>
      </c>
    </row>
    <row r="14" spans="1:10" s="3" customFormat="1" ht="105" x14ac:dyDescent="0.25">
      <c r="A14" s="19" t="s">
        <v>16</v>
      </c>
      <c r="B14" s="15" t="s">
        <v>24</v>
      </c>
      <c r="C14" s="17" t="s">
        <v>121</v>
      </c>
      <c r="D14" s="13" t="s">
        <v>22</v>
      </c>
      <c r="E14" s="7"/>
      <c r="F14" s="35"/>
      <c r="G14" s="5"/>
      <c r="H14" s="6"/>
      <c r="I14" s="9"/>
      <c r="J14" s="9">
        <v>1</v>
      </c>
    </row>
    <row r="15" spans="1:10" s="3" customFormat="1" ht="120" x14ac:dyDescent="0.25">
      <c r="A15" s="19" t="s">
        <v>16</v>
      </c>
      <c r="B15" s="15" t="s">
        <v>25</v>
      </c>
      <c r="C15" s="27" t="s">
        <v>26</v>
      </c>
      <c r="D15" s="13" t="s">
        <v>19</v>
      </c>
      <c r="E15" s="7"/>
      <c r="F15" s="35"/>
      <c r="G15" s="5"/>
      <c r="H15" s="6"/>
      <c r="I15" s="6"/>
      <c r="J15" s="6">
        <v>1</v>
      </c>
    </row>
    <row r="16" spans="1:10" s="3" customFormat="1" ht="90" x14ac:dyDescent="0.25">
      <c r="A16" s="19" t="s">
        <v>16</v>
      </c>
      <c r="B16" s="15" t="s">
        <v>27</v>
      </c>
      <c r="C16" s="17" t="s">
        <v>28</v>
      </c>
      <c r="D16" s="13" t="s">
        <v>18</v>
      </c>
      <c r="E16" s="7"/>
      <c r="F16" s="35"/>
      <c r="G16" s="5"/>
      <c r="H16" s="6">
        <v>1</v>
      </c>
      <c r="I16" s="6">
        <v>1</v>
      </c>
      <c r="J16" s="6">
        <v>1</v>
      </c>
    </row>
    <row r="17" spans="1:10" s="3" customFormat="1" ht="150" x14ac:dyDescent="0.25">
      <c r="A17" s="19" t="s">
        <v>16</v>
      </c>
      <c r="B17" s="15" t="s">
        <v>29</v>
      </c>
      <c r="C17" s="17" t="s">
        <v>122</v>
      </c>
      <c r="D17" s="13" t="s">
        <v>22</v>
      </c>
      <c r="E17" s="7"/>
      <c r="F17" s="35"/>
      <c r="G17" s="5"/>
      <c r="H17" s="6">
        <v>1</v>
      </c>
      <c r="I17" s="9">
        <v>1</v>
      </c>
      <c r="J17" s="9">
        <v>1</v>
      </c>
    </row>
    <row r="18" spans="1:10" s="3" customFormat="1" ht="105" x14ac:dyDescent="0.25">
      <c r="A18" s="19" t="s">
        <v>16</v>
      </c>
      <c r="B18" s="15" t="s">
        <v>30</v>
      </c>
      <c r="C18" s="17" t="s">
        <v>31</v>
      </c>
      <c r="D18" s="13" t="s">
        <v>18</v>
      </c>
      <c r="E18" s="7"/>
      <c r="F18" s="35"/>
      <c r="G18" s="5"/>
      <c r="H18" s="6">
        <v>1</v>
      </c>
      <c r="I18" s="6">
        <v>1</v>
      </c>
      <c r="J18" s="6">
        <v>1</v>
      </c>
    </row>
    <row r="19" spans="1:10" s="3" customFormat="1" ht="165" x14ac:dyDescent="0.25">
      <c r="A19" s="20" t="s">
        <v>32</v>
      </c>
      <c r="B19" s="15" t="s">
        <v>33</v>
      </c>
      <c r="C19" s="17" t="s">
        <v>123</v>
      </c>
      <c r="D19" s="14" t="s">
        <v>34</v>
      </c>
      <c r="E19" s="7"/>
      <c r="F19" s="35"/>
      <c r="G19" s="5"/>
      <c r="H19" s="6"/>
      <c r="I19" s="6"/>
      <c r="J19" s="6">
        <v>1</v>
      </c>
    </row>
    <row r="20" spans="1:10" s="3" customFormat="1" ht="150" x14ac:dyDescent="0.25">
      <c r="A20" s="20" t="s">
        <v>32</v>
      </c>
      <c r="B20" s="15" t="s">
        <v>35</v>
      </c>
      <c r="C20" s="17" t="s">
        <v>124</v>
      </c>
      <c r="D20" s="14" t="s">
        <v>36</v>
      </c>
      <c r="E20" s="7"/>
      <c r="F20" s="35"/>
      <c r="G20" s="5"/>
      <c r="H20" s="6"/>
      <c r="I20" s="6"/>
      <c r="J20" s="6">
        <v>1</v>
      </c>
    </row>
    <row r="21" spans="1:10" s="3" customFormat="1" ht="150" x14ac:dyDescent="0.25">
      <c r="A21" s="20" t="s">
        <v>32</v>
      </c>
      <c r="B21" s="15" t="s">
        <v>37</v>
      </c>
      <c r="C21" s="17" t="s">
        <v>38</v>
      </c>
      <c r="D21" s="13" t="s">
        <v>39</v>
      </c>
      <c r="E21" s="7"/>
      <c r="F21" s="35"/>
      <c r="G21" s="5"/>
      <c r="H21" s="6">
        <v>1</v>
      </c>
      <c r="I21" s="6">
        <v>1</v>
      </c>
      <c r="J21" s="6">
        <v>1</v>
      </c>
    </row>
    <row r="22" spans="1:10" s="3" customFormat="1" ht="150" x14ac:dyDescent="0.25">
      <c r="A22" s="20" t="s">
        <v>32</v>
      </c>
      <c r="B22" s="15" t="s">
        <v>40</v>
      </c>
      <c r="C22" s="17" t="s">
        <v>41</v>
      </c>
      <c r="D22" s="14" t="s">
        <v>42</v>
      </c>
      <c r="E22" s="7"/>
      <c r="F22" s="35"/>
      <c r="G22" s="5"/>
      <c r="H22" s="6">
        <v>1</v>
      </c>
      <c r="I22" s="6">
        <v>1</v>
      </c>
      <c r="J22" s="6">
        <v>1</v>
      </c>
    </row>
    <row r="23" spans="1:10" s="3" customFormat="1" ht="135" x14ac:dyDescent="0.25">
      <c r="A23" s="20" t="s">
        <v>32</v>
      </c>
      <c r="B23" s="15" t="s">
        <v>43</v>
      </c>
      <c r="C23" s="17" t="s">
        <v>44</v>
      </c>
      <c r="D23" s="13" t="s">
        <v>45</v>
      </c>
      <c r="E23" s="7"/>
      <c r="F23" s="35"/>
      <c r="G23" s="5"/>
      <c r="H23" s="6">
        <v>1</v>
      </c>
      <c r="I23" s="6">
        <v>1</v>
      </c>
      <c r="J23" s="6">
        <v>1</v>
      </c>
    </row>
    <row r="24" spans="1:10" s="3" customFormat="1" ht="150" x14ac:dyDescent="0.25">
      <c r="A24" s="20" t="s">
        <v>32</v>
      </c>
      <c r="B24" s="15" t="s">
        <v>46</v>
      </c>
      <c r="C24" s="17" t="s">
        <v>47</v>
      </c>
      <c r="D24" s="13" t="s">
        <v>39</v>
      </c>
      <c r="E24" s="7"/>
      <c r="F24" s="35"/>
      <c r="G24" s="5"/>
      <c r="H24" s="6"/>
      <c r="I24" s="6">
        <v>1</v>
      </c>
      <c r="J24" s="6">
        <v>1</v>
      </c>
    </row>
    <row r="25" spans="1:10" s="3" customFormat="1" ht="60" x14ac:dyDescent="0.25">
      <c r="A25" s="20" t="s">
        <v>32</v>
      </c>
      <c r="B25" s="15" t="s">
        <v>48</v>
      </c>
      <c r="C25" s="17" t="s">
        <v>49</v>
      </c>
      <c r="D25" s="13" t="s">
        <v>50</v>
      </c>
      <c r="E25" s="7"/>
      <c r="F25" s="35"/>
      <c r="G25" s="5"/>
      <c r="H25" s="6"/>
      <c r="I25" s="6">
        <v>1</v>
      </c>
      <c r="J25" s="6">
        <v>1</v>
      </c>
    </row>
    <row r="26" spans="1:10" s="3" customFormat="1" ht="60" x14ac:dyDescent="0.25">
      <c r="A26" s="20" t="s">
        <v>32</v>
      </c>
      <c r="B26" s="15" t="s">
        <v>51</v>
      </c>
      <c r="C26" s="17" t="s">
        <v>52</v>
      </c>
      <c r="D26" s="13" t="s">
        <v>53</v>
      </c>
      <c r="E26" s="7"/>
      <c r="F26" s="35"/>
      <c r="G26" s="5"/>
      <c r="H26" s="6">
        <v>1</v>
      </c>
      <c r="I26" s="6">
        <v>1</v>
      </c>
      <c r="J26" s="6">
        <v>1</v>
      </c>
    </row>
    <row r="27" spans="1:10" s="3" customFormat="1" ht="60" x14ac:dyDescent="0.25">
      <c r="A27" s="20" t="s">
        <v>32</v>
      </c>
      <c r="B27" s="15" t="s">
        <v>54</v>
      </c>
      <c r="C27" s="17" t="s">
        <v>55</v>
      </c>
      <c r="D27" s="14" t="s">
        <v>56</v>
      </c>
      <c r="E27" s="7"/>
      <c r="F27" s="35"/>
      <c r="G27" s="5"/>
      <c r="H27" s="6"/>
      <c r="I27" s="6">
        <v>1</v>
      </c>
      <c r="J27" s="6">
        <v>1</v>
      </c>
    </row>
    <row r="28" spans="1:10" s="3" customFormat="1" ht="90" x14ac:dyDescent="0.25">
      <c r="A28" s="20" t="s">
        <v>32</v>
      </c>
      <c r="B28" s="15" t="s">
        <v>57</v>
      </c>
      <c r="C28" s="17" t="s">
        <v>125</v>
      </c>
      <c r="D28" s="14" t="s">
        <v>58</v>
      </c>
      <c r="E28" s="7"/>
      <c r="F28" s="35"/>
      <c r="G28" s="5"/>
      <c r="H28" s="25">
        <v>1</v>
      </c>
      <c r="I28" s="6">
        <v>1</v>
      </c>
      <c r="J28" s="6">
        <v>1</v>
      </c>
    </row>
    <row r="29" spans="1:10" s="3" customFormat="1" ht="60" x14ac:dyDescent="0.25">
      <c r="A29" s="20" t="s">
        <v>32</v>
      </c>
      <c r="B29" s="15" t="s">
        <v>59</v>
      </c>
      <c r="C29" s="17" t="s">
        <v>60</v>
      </c>
      <c r="D29" s="13" t="s">
        <v>61</v>
      </c>
      <c r="E29" s="7"/>
      <c r="F29" s="35"/>
      <c r="G29" s="5"/>
      <c r="H29" s="6"/>
      <c r="I29" s="6"/>
      <c r="J29" s="6">
        <v>1</v>
      </c>
    </row>
    <row r="30" spans="1:10" s="3" customFormat="1" ht="180" x14ac:dyDescent="0.25">
      <c r="A30" s="20" t="s">
        <v>32</v>
      </c>
      <c r="B30" s="15" t="s">
        <v>62</v>
      </c>
      <c r="C30" s="17" t="s">
        <v>126</v>
      </c>
      <c r="D30" s="13" t="s">
        <v>63</v>
      </c>
      <c r="E30" s="7"/>
      <c r="F30" s="35"/>
      <c r="G30" s="5"/>
      <c r="H30" s="6"/>
      <c r="I30" s="6">
        <v>1</v>
      </c>
      <c r="J30" s="6">
        <v>1</v>
      </c>
    </row>
    <row r="31" spans="1:10" s="3" customFormat="1" ht="120" x14ac:dyDescent="0.25">
      <c r="A31" s="21" t="s">
        <v>64</v>
      </c>
      <c r="B31" s="15" t="s">
        <v>65</v>
      </c>
      <c r="C31" s="17" t="s">
        <v>114</v>
      </c>
      <c r="D31" s="13" t="s">
        <v>19</v>
      </c>
      <c r="E31" s="7"/>
      <c r="F31" s="35"/>
      <c r="G31" s="5"/>
      <c r="H31" s="6"/>
      <c r="I31" s="6">
        <v>1</v>
      </c>
      <c r="J31" s="6">
        <v>1</v>
      </c>
    </row>
    <row r="32" spans="1:10" s="3" customFormat="1" ht="90" x14ac:dyDescent="0.25">
      <c r="A32" s="21" t="s">
        <v>64</v>
      </c>
      <c r="B32" s="15" t="s">
        <v>66</v>
      </c>
      <c r="C32" s="17" t="s">
        <v>67</v>
      </c>
      <c r="D32" s="13" t="s">
        <v>68</v>
      </c>
      <c r="E32" s="7"/>
      <c r="F32" s="35"/>
      <c r="G32" s="5"/>
      <c r="H32" s="6"/>
      <c r="I32" s="6">
        <v>1</v>
      </c>
      <c r="J32" s="6">
        <v>1</v>
      </c>
    </row>
    <row r="33" spans="1:10" s="3" customFormat="1" ht="30" x14ac:dyDescent="0.25">
      <c r="A33" s="21" t="s">
        <v>64</v>
      </c>
      <c r="B33" s="15" t="s">
        <v>69</v>
      </c>
      <c r="C33" s="17" t="s">
        <v>127</v>
      </c>
      <c r="D33" s="13"/>
      <c r="E33" s="7"/>
      <c r="F33" s="35"/>
      <c r="G33" s="5"/>
      <c r="H33" s="6"/>
      <c r="I33" s="6">
        <v>1</v>
      </c>
      <c r="J33" s="6">
        <v>1</v>
      </c>
    </row>
    <row r="34" spans="1:10" s="3" customFormat="1" ht="45" x14ac:dyDescent="0.25">
      <c r="A34" s="21" t="s">
        <v>64</v>
      </c>
      <c r="B34" s="15" t="s">
        <v>70</v>
      </c>
      <c r="C34" s="17" t="s">
        <v>71</v>
      </c>
      <c r="D34" s="13" t="s">
        <v>68</v>
      </c>
      <c r="E34" s="7"/>
      <c r="F34" s="35"/>
      <c r="G34" s="5"/>
      <c r="H34" s="6"/>
      <c r="I34" s="6"/>
      <c r="J34" s="6">
        <v>1</v>
      </c>
    </row>
    <row r="35" spans="1:10" s="3" customFormat="1" ht="75" x14ac:dyDescent="0.25">
      <c r="A35" s="21" t="s">
        <v>64</v>
      </c>
      <c r="B35" s="15" t="s">
        <v>72</v>
      </c>
      <c r="C35" s="17" t="s">
        <v>73</v>
      </c>
      <c r="D35" s="13" t="s">
        <v>74</v>
      </c>
      <c r="E35" s="7"/>
      <c r="F35" s="35"/>
      <c r="G35" s="5"/>
      <c r="H35" s="6"/>
      <c r="I35" s="6">
        <v>1</v>
      </c>
      <c r="J35" s="6">
        <v>1</v>
      </c>
    </row>
    <row r="36" spans="1:10" s="3" customFormat="1" ht="90" x14ac:dyDescent="0.25">
      <c r="A36" s="22" t="s">
        <v>75</v>
      </c>
      <c r="B36" s="15" t="s">
        <v>76</v>
      </c>
      <c r="C36" s="17" t="s">
        <v>77</v>
      </c>
      <c r="D36" s="14" t="s">
        <v>78</v>
      </c>
      <c r="E36" s="7"/>
      <c r="F36" s="35"/>
      <c r="G36" s="5"/>
      <c r="H36" s="6">
        <v>1</v>
      </c>
      <c r="I36" s="6">
        <v>1</v>
      </c>
      <c r="J36" s="6">
        <v>1</v>
      </c>
    </row>
    <row r="37" spans="1:10" s="3" customFormat="1" ht="135" x14ac:dyDescent="0.25">
      <c r="A37" s="22" t="s">
        <v>75</v>
      </c>
      <c r="B37" s="15" t="s">
        <v>79</v>
      </c>
      <c r="C37" s="17" t="s">
        <v>80</v>
      </c>
      <c r="D37" s="13" t="s">
        <v>81</v>
      </c>
      <c r="E37" s="7"/>
      <c r="F37" s="35"/>
      <c r="G37" s="5"/>
      <c r="H37" s="6">
        <v>1</v>
      </c>
      <c r="I37" s="6">
        <v>1</v>
      </c>
      <c r="J37" s="6">
        <v>1</v>
      </c>
    </row>
    <row r="38" spans="1:10" s="3" customFormat="1" ht="90" x14ac:dyDescent="0.25">
      <c r="A38" s="22" t="s">
        <v>75</v>
      </c>
      <c r="B38" s="15" t="s">
        <v>82</v>
      </c>
      <c r="C38" s="17" t="s">
        <v>83</v>
      </c>
      <c r="D38" s="13" t="s">
        <v>81</v>
      </c>
      <c r="E38" s="7"/>
      <c r="F38" s="35"/>
      <c r="G38" s="5"/>
      <c r="H38" s="6">
        <v>1</v>
      </c>
      <c r="I38" s="6">
        <v>1</v>
      </c>
      <c r="J38" s="6">
        <v>1</v>
      </c>
    </row>
    <row r="39" spans="1:10" s="3" customFormat="1" ht="90" x14ac:dyDescent="0.25">
      <c r="A39" s="22" t="s">
        <v>75</v>
      </c>
      <c r="B39" s="15" t="s">
        <v>84</v>
      </c>
      <c r="C39" s="17" t="s">
        <v>85</v>
      </c>
      <c r="D39" s="14" t="s">
        <v>86</v>
      </c>
      <c r="E39" s="7"/>
      <c r="F39" s="35"/>
      <c r="G39" s="5"/>
      <c r="H39" s="6">
        <v>1</v>
      </c>
      <c r="I39" s="6">
        <v>1</v>
      </c>
      <c r="J39" s="6">
        <v>1</v>
      </c>
    </row>
    <row r="40" spans="1:10" s="3" customFormat="1" ht="45" x14ac:dyDescent="0.25">
      <c r="A40" s="22" t="s">
        <v>75</v>
      </c>
      <c r="B40" s="15" t="s">
        <v>87</v>
      </c>
      <c r="C40" s="17" t="s">
        <v>88</v>
      </c>
      <c r="D40" s="13" t="s">
        <v>81</v>
      </c>
      <c r="E40" s="7"/>
      <c r="F40" s="35"/>
      <c r="G40" s="5"/>
      <c r="H40" s="6"/>
      <c r="I40" s="6"/>
      <c r="J40" s="6">
        <v>1</v>
      </c>
    </row>
    <row r="41" spans="1:10" s="3" customFormat="1" ht="45" x14ac:dyDescent="0.25">
      <c r="A41" s="22" t="s">
        <v>75</v>
      </c>
      <c r="B41" s="15" t="s">
        <v>89</v>
      </c>
      <c r="C41" s="17" t="s">
        <v>90</v>
      </c>
      <c r="D41" s="13" t="s">
        <v>81</v>
      </c>
      <c r="E41" s="7"/>
      <c r="F41" s="35"/>
      <c r="G41" s="5"/>
      <c r="H41" s="6">
        <v>1</v>
      </c>
      <c r="I41" s="6">
        <v>1</v>
      </c>
      <c r="J41" s="6">
        <v>1</v>
      </c>
    </row>
    <row r="42" spans="1:10" s="3" customFormat="1" ht="225" x14ac:dyDescent="0.25">
      <c r="A42" s="23" t="s">
        <v>91</v>
      </c>
      <c r="B42" s="15" t="s">
        <v>92</v>
      </c>
      <c r="C42" s="17" t="s">
        <v>128</v>
      </c>
      <c r="D42" s="14" t="s">
        <v>93</v>
      </c>
      <c r="E42" s="7"/>
      <c r="F42" s="35"/>
      <c r="G42" s="5"/>
      <c r="H42" s="6">
        <v>1</v>
      </c>
      <c r="I42" s="6">
        <v>1</v>
      </c>
      <c r="J42" s="6">
        <v>1</v>
      </c>
    </row>
    <row r="43" spans="1:10" s="3" customFormat="1" ht="225" x14ac:dyDescent="0.25">
      <c r="A43" s="23" t="s">
        <v>91</v>
      </c>
      <c r="B43" s="15" t="s">
        <v>94</v>
      </c>
      <c r="C43" s="17" t="s">
        <v>95</v>
      </c>
      <c r="D43" s="14" t="s">
        <v>96</v>
      </c>
      <c r="E43" s="36"/>
      <c r="F43" s="35"/>
      <c r="G43" s="10"/>
      <c r="H43" s="6">
        <v>1</v>
      </c>
      <c r="I43" s="6">
        <v>1</v>
      </c>
      <c r="J43" s="6">
        <v>1</v>
      </c>
    </row>
    <row r="44" spans="1:10" s="3" customFormat="1" ht="270" x14ac:dyDescent="0.25">
      <c r="A44" s="23" t="s">
        <v>91</v>
      </c>
      <c r="B44" s="15" t="s">
        <v>97</v>
      </c>
      <c r="C44" s="17" t="s">
        <v>98</v>
      </c>
      <c r="D44" s="14" t="s">
        <v>99</v>
      </c>
      <c r="E44" s="7"/>
      <c r="F44" s="35"/>
      <c r="G44" s="5"/>
      <c r="H44" s="6">
        <v>1</v>
      </c>
      <c r="I44" s="6">
        <v>1</v>
      </c>
      <c r="J44" s="6">
        <v>1</v>
      </c>
    </row>
    <row r="45" spans="1:10" s="3" customFormat="1" ht="180" x14ac:dyDescent="0.25">
      <c r="A45" s="23" t="s">
        <v>91</v>
      </c>
      <c r="B45" s="15" t="s">
        <v>100</v>
      </c>
      <c r="C45" s="17" t="s">
        <v>129</v>
      </c>
      <c r="D45" s="14" t="s">
        <v>101</v>
      </c>
      <c r="E45" s="36" t="s">
        <v>116</v>
      </c>
      <c r="F45" s="35"/>
      <c r="G45" s="10"/>
      <c r="H45" s="6">
        <v>1</v>
      </c>
      <c r="I45" s="6">
        <v>1</v>
      </c>
      <c r="J45" s="6">
        <v>1</v>
      </c>
    </row>
    <row r="46" spans="1:10" s="3" customFormat="1" ht="105" x14ac:dyDescent="0.25">
      <c r="A46" s="23" t="s">
        <v>91</v>
      </c>
      <c r="B46" s="15" t="s">
        <v>102</v>
      </c>
      <c r="C46" s="17" t="s">
        <v>103</v>
      </c>
      <c r="D46" s="13" t="s">
        <v>104</v>
      </c>
      <c r="E46" s="7"/>
      <c r="F46" s="35"/>
      <c r="G46" s="5"/>
      <c r="H46" s="6">
        <v>1</v>
      </c>
      <c r="I46" s="6">
        <v>1</v>
      </c>
      <c r="J46" s="6">
        <v>1</v>
      </c>
    </row>
    <row r="47" spans="1:10" s="3" customFormat="1" ht="135" x14ac:dyDescent="0.25">
      <c r="A47" s="23" t="s">
        <v>91</v>
      </c>
      <c r="B47" s="15" t="s">
        <v>105</v>
      </c>
      <c r="C47" s="17" t="s">
        <v>106</v>
      </c>
      <c r="D47" s="13" t="s">
        <v>104</v>
      </c>
      <c r="E47" s="7"/>
      <c r="F47" s="35"/>
      <c r="G47" s="5"/>
      <c r="H47" s="6">
        <v>1</v>
      </c>
      <c r="I47" s="6">
        <v>1</v>
      </c>
      <c r="J47" s="6">
        <v>1</v>
      </c>
    </row>
    <row r="48" spans="1:10" s="3" customFormat="1" ht="330" x14ac:dyDescent="0.25">
      <c r="A48" s="23" t="s">
        <v>91</v>
      </c>
      <c r="B48" s="15" t="s">
        <v>107</v>
      </c>
      <c r="C48" s="17" t="s">
        <v>108</v>
      </c>
      <c r="D48" s="14" t="s">
        <v>109</v>
      </c>
      <c r="E48" s="36"/>
      <c r="F48" s="35"/>
      <c r="G48" s="10"/>
      <c r="H48" s="6">
        <v>1</v>
      </c>
      <c r="I48" s="6">
        <v>1</v>
      </c>
      <c r="J48" s="6">
        <v>1</v>
      </c>
    </row>
    <row r="49" spans="1:10" ht="203.25" customHeight="1" x14ac:dyDescent="0.25">
      <c r="A49" s="23" t="s">
        <v>91</v>
      </c>
      <c r="B49" s="15" t="s">
        <v>110</v>
      </c>
      <c r="C49" s="17" t="s">
        <v>130</v>
      </c>
      <c r="D49" s="14" t="s">
        <v>111</v>
      </c>
      <c r="E49" s="25"/>
      <c r="F49" s="35"/>
      <c r="G49" s="8"/>
      <c r="H49" s="25">
        <v>1</v>
      </c>
      <c r="I49" s="6">
        <v>1</v>
      </c>
      <c r="J49" s="6">
        <v>1</v>
      </c>
    </row>
  </sheetData>
  <mergeCells count="2">
    <mergeCell ref="H1:I1"/>
    <mergeCell ref="C1:E1"/>
  </mergeCells>
  <phoneticPr fontId="5" type="noConversion"/>
  <conditionalFormatting sqref="F4:F49">
    <cfRule type="colorScale" priority="1">
      <colorScale>
        <cfvo type="num" val="1"/>
        <cfvo type="num" val="2"/>
        <cfvo type="num" val="3"/>
        <color rgb="FFF8696B"/>
        <color rgb="FFFFFF00"/>
        <color rgb="FF63BE7B"/>
      </colorScale>
    </cfRule>
    <cfRule type="colorScale" priority="2">
      <colorScale>
        <cfvo type="min"/>
        <cfvo type="percentile" val="2"/>
        <cfvo type="max"/>
        <color rgb="FFF8696B"/>
        <color rgb="FFFFEB84"/>
        <color rgb="FF63BE7B"/>
      </colorScale>
    </cfRule>
  </conditionalFormatting>
  <dataValidations count="2">
    <dataValidation type="custom" allowBlank="1" showInputMessage="1" showErrorMessage="1" sqref="G4" xr:uid="{EA6378D5-2DAC-4147-8064-2797802EAC84}">
      <formula1>"0; 1; 2; 3"</formula1>
    </dataValidation>
    <dataValidation type="list" allowBlank="1" showInputMessage="1" showErrorMessage="1" sqref="F4:F49" xr:uid="{E7B3B2B2-C903-44EA-A0E8-48A13C122306}">
      <formula1>"0, 1, 2, 3"</formula1>
    </dataValidation>
  </dataValidations>
  <hyperlinks>
    <hyperlink ref="D9" r:id="rId1" location="art_6" xr:uid="{359B582B-E26C-485A-95D0-B1863D81F2F5}"/>
    <hyperlink ref="D6" r:id="rId2" location="art_5" xr:uid="{9102279B-71D5-438E-8D09-71D65E0FDF48}"/>
    <hyperlink ref="D7" r:id="rId3" location="art_5" xr:uid="{FE609291-84C4-4D53-84A6-DF85E7248E63}"/>
    <hyperlink ref="D8" r:id="rId4" location="art_5" xr:uid="{98658FAA-AE77-4A0C-84C6-295B56D7B1C0}"/>
    <hyperlink ref="D4" r:id="rId5" location="art_5" xr:uid="{0F80FDA7-12E0-44A6-B35B-3E80FB3A239C}"/>
    <hyperlink ref="D11" r:id="rId6" location="art_8" display="https://eur-lex.europa.eu/legal-content/NL/TXT/HTML/?uri=CELEX:32022R2554 - art_8" xr:uid="{81AAB7EA-025F-4929-93AB-21E934FDE054}"/>
    <hyperlink ref="D10" r:id="rId7" location="art_8" display="https://eur-lex.europa.eu/legal-content/NL/TXT/HTML/?uri=CELEX:32022R2554 - art_8" xr:uid="{5FB5DC0A-A2F7-4FEE-9F25-1C67319C9893}"/>
  </hyperlinks>
  <pageMargins left="0.25" right="0.25" top="0.75" bottom="0.75" header="0.3" footer="0.3"/>
  <pageSetup paperSize="8" orientation="landscape" r:id="rId8"/>
  <headerFooter>
    <oddHeader>&amp;L&amp;"Calibri"&amp;10&amp;K7FAA39 | DNB PUBLIC |&amp;1#_x000D_</oddHeader>
  </headerFooter>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E774A4-B109-457E-938F-56EBB55233BB}">
  <dimension ref="A1:X48"/>
  <sheetViews>
    <sheetView showGridLines="0" workbookViewId="0">
      <selection sqref="A1:C1"/>
    </sheetView>
  </sheetViews>
  <sheetFormatPr defaultRowHeight="15" x14ac:dyDescent="0.25"/>
  <cols>
    <col min="2" max="2" width="77.42578125" customWidth="1"/>
    <col min="3" max="3" width="88.5703125" customWidth="1"/>
  </cols>
  <sheetData>
    <row r="1" spans="1:24" ht="90" customHeight="1" x14ac:dyDescent="0.25">
      <c r="A1" s="41" t="s">
        <v>148</v>
      </c>
      <c r="B1" s="41"/>
      <c r="C1" s="41"/>
    </row>
    <row r="3" spans="1:24" x14ac:dyDescent="0.25">
      <c r="A3" s="28" t="s">
        <v>136</v>
      </c>
      <c r="B3" s="28" t="s">
        <v>137</v>
      </c>
      <c r="C3" s="28" t="s">
        <v>138</v>
      </c>
      <c r="D3" s="1"/>
      <c r="E3" s="1"/>
      <c r="F3" s="1"/>
      <c r="G3" s="1"/>
      <c r="H3" s="1"/>
      <c r="I3" s="1"/>
      <c r="J3" s="1"/>
      <c r="K3" s="1"/>
      <c r="L3" s="1"/>
      <c r="M3" s="1"/>
      <c r="N3" s="1"/>
      <c r="O3" s="1"/>
      <c r="P3" s="1"/>
      <c r="Q3" s="1"/>
      <c r="R3" s="1"/>
      <c r="S3" s="1"/>
      <c r="T3" s="1"/>
      <c r="U3" s="1"/>
      <c r="V3" s="1"/>
      <c r="W3" s="1"/>
      <c r="X3" s="1"/>
    </row>
    <row r="4" spans="1:24" ht="30" x14ac:dyDescent="0.25">
      <c r="A4" s="31">
        <v>0</v>
      </c>
      <c r="B4" s="30" t="s">
        <v>139</v>
      </c>
      <c r="C4" s="29"/>
      <c r="D4" s="3"/>
      <c r="E4" s="3"/>
      <c r="F4" s="3"/>
      <c r="G4" s="3"/>
      <c r="H4" s="3"/>
      <c r="I4" s="3"/>
      <c r="J4" s="3"/>
      <c r="K4" s="3"/>
      <c r="L4" s="3"/>
      <c r="M4" s="3"/>
      <c r="N4" s="3"/>
      <c r="O4" s="3"/>
      <c r="P4" s="3"/>
      <c r="Q4" s="3"/>
      <c r="R4" s="3"/>
      <c r="S4" s="3"/>
      <c r="T4" s="3"/>
      <c r="U4" s="3"/>
      <c r="V4" s="3"/>
      <c r="W4" s="3"/>
      <c r="X4" s="3"/>
    </row>
    <row r="5" spans="1:24" ht="135" x14ac:dyDescent="0.25">
      <c r="A5" s="31">
        <v>1</v>
      </c>
      <c r="B5" s="30" t="s">
        <v>140</v>
      </c>
      <c r="C5" s="32" t="s">
        <v>143</v>
      </c>
      <c r="D5" s="33"/>
      <c r="E5" s="3"/>
      <c r="F5" s="3"/>
      <c r="G5" s="3"/>
      <c r="H5" s="3"/>
      <c r="I5" s="3"/>
      <c r="J5" s="3"/>
      <c r="K5" s="3"/>
      <c r="L5" s="3"/>
      <c r="M5" s="3"/>
      <c r="N5" s="3"/>
      <c r="O5" s="3"/>
      <c r="P5" s="3"/>
      <c r="Q5" s="3"/>
      <c r="R5" s="3"/>
      <c r="S5" s="3"/>
      <c r="T5" s="3"/>
      <c r="U5" s="3"/>
      <c r="V5" s="3"/>
      <c r="W5" s="3"/>
      <c r="X5" s="3"/>
    </row>
    <row r="6" spans="1:24" ht="130.5" customHeight="1" x14ac:dyDescent="0.25">
      <c r="A6" s="31">
        <v>2</v>
      </c>
      <c r="B6" s="30" t="s">
        <v>141</v>
      </c>
      <c r="C6" s="32" t="s">
        <v>146</v>
      </c>
      <c r="D6" s="33"/>
      <c r="E6" s="3"/>
      <c r="F6" s="3"/>
      <c r="G6" s="3"/>
      <c r="H6" s="3"/>
      <c r="I6" s="3"/>
      <c r="J6" s="3"/>
      <c r="K6" s="3"/>
      <c r="L6" s="3"/>
      <c r="M6" s="3"/>
      <c r="N6" s="3"/>
      <c r="O6" s="3"/>
      <c r="P6" s="3"/>
      <c r="Q6" s="3"/>
      <c r="R6" s="3"/>
      <c r="S6" s="3"/>
      <c r="T6" s="3"/>
      <c r="U6" s="3"/>
      <c r="V6" s="3"/>
      <c r="W6" s="3"/>
      <c r="X6" s="3"/>
    </row>
    <row r="7" spans="1:24" ht="120" x14ac:dyDescent="0.25">
      <c r="A7" s="31">
        <v>3</v>
      </c>
      <c r="B7" s="30" t="s">
        <v>142</v>
      </c>
      <c r="C7" s="32" t="s">
        <v>144</v>
      </c>
      <c r="D7" s="33"/>
      <c r="E7" s="3"/>
      <c r="F7" s="3"/>
      <c r="G7" s="3"/>
      <c r="H7" s="3"/>
      <c r="I7" s="3"/>
      <c r="J7" s="3"/>
      <c r="K7" s="3"/>
      <c r="L7" s="3"/>
      <c r="M7" s="3"/>
      <c r="N7" s="3"/>
      <c r="O7" s="3"/>
      <c r="P7" s="3"/>
      <c r="Q7" s="3"/>
      <c r="R7" s="3"/>
      <c r="S7" s="3"/>
      <c r="T7" s="3"/>
      <c r="U7" s="3"/>
      <c r="V7" s="3"/>
      <c r="W7" s="3"/>
      <c r="X7" s="3"/>
    </row>
    <row r="8" spans="1:24" x14ac:dyDescent="0.25">
      <c r="D8" s="3"/>
      <c r="E8" s="3"/>
      <c r="F8" s="3"/>
      <c r="G8" s="3"/>
      <c r="H8" s="3"/>
      <c r="I8" s="3"/>
      <c r="J8" s="3"/>
      <c r="K8" s="3"/>
      <c r="L8" s="3"/>
      <c r="M8" s="3"/>
      <c r="N8" s="3"/>
      <c r="O8" s="3"/>
      <c r="P8" s="3"/>
      <c r="Q8" s="3"/>
      <c r="R8" s="3"/>
      <c r="S8" s="3"/>
      <c r="T8" s="3"/>
      <c r="U8" s="3"/>
      <c r="V8" s="3"/>
      <c r="W8" s="3"/>
      <c r="X8" s="3"/>
    </row>
    <row r="9" spans="1:24" x14ac:dyDescent="0.25">
      <c r="D9" s="3"/>
      <c r="E9" s="3"/>
      <c r="F9" s="3"/>
      <c r="G9" s="3"/>
      <c r="H9" s="3"/>
      <c r="I9" s="3"/>
      <c r="J9" s="3"/>
      <c r="K9" s="3"/>
      <c r="L9" s="3"/>
      <c r="M9" s="3"/>
      <c r="N9" s="3"/>
      <c r="O9" s="3"/>
      <c r="P9" s="3"/>
      <c r="Q9" s="3"/>
      <c r="R9" s="3"/>
      <c r="S9" s="3"/>
      <c r="T9" s="3"/>
      <c r="U9" s="3"/>
      <c r="V9" s="3"/>
      <c r="W9" s="3"/>
      <c r="X9" s="3"/>
    </row>
    <row r="10" spans="1:24" x14ac:dyDescent="0.25">
      <c r="D10" s="3"/>
      <c r="E10" s="3"/>
      <c r="F10" s="3"/>
      <c r="G10" s="3"/>
      <c r="H10" s="3"/>
      <c r="I10" s="3"/>
      <c r="J10" s="3"/>
      <c r="K10" s="3"/>
      <c r="L10" s="3"/>
      <c r="M10" s="3"/>
      <c r="N10" s="3"/>
      <c r="O10" s="3"/>
      <c r="P10" s="3"/>
      <c r="Q10" s="3"/>
      <c r="R10" s="3"/>
      <c r="S10" s="3"/>
      <c r="T10" s="3"/>
      <c r="U10" s="3"/>
      <c r="V10" s="3"/>
      <c r="W10" s="3"/>
      <c r="X10" s="3"/>
    </row>
    <row r="11" spans="1:24" x14ac:dyDescent="0.25">
      <c r="D11" s="3"/>
      <c r="E11" s="3"/>
      <c r="F11" s="3"/>
      <c r="G11" s="3"/>
      <c r="H11" s="3"/>
      <c r="I11" s="3"/>
      <c r="J11" s="3"/>
      <c r="K11" s="3"/>
      <c r="L11" s="3"/>
      <c r="M11" s="3"/>
      <c r="N11" s="3"/>
      <c r="O11" s="3"/>
      <c r="P11" s="3"/>
      <c r="Q11" s="3"/>
      <c r="R11" s="3"/>
      <c r="S11" s="3"/>
      <c r="T11" s="3"/>
      <c r="U11" s="3"/>
      <c r="V11" s="3"/>
      <c r="W11" s="3"/>
      <c r="X11" s="3"/>
    </row>
    <row r="12" spans="1:24" x14ac:dyDescent="0.25">
      <c r="D12" s="3"/>
      <c r="E12" s="3"/>
      <c r="F12" s="3"/>
      <c r="G12" s="3"/>
      <c r="H12" s="3"/>
      <c r="I12" s="3"/>
      <c r="J12" s="3"/>
      <c r="K12" s="3"/>
      <c r="L12" s="3"/>
      <c r="M12" s="3"/>
      <c r="N12" s="3"/>
      <c r="O12" s="3"/>
      <c r="P12" s="3"/>
      <c r="Q12" s="3"/>
      <c r="R12" s="3"/>
      <c r="S12" s="3"/>
      <c r="T12" s="3"/>
      <c r="U12" s="3"/>
      <c r="V12" s="3"/>
      <c r="W12" s="3"/>
      <c r="X12" s="3"/>
    </row>
    <row r="13" spans="1:24" x14ac:dyDescent="0.25">
      <c r="D13" s="3"/>
      <c r="E13" s="3"/>
      <c r="F13" s="3"/>
      <c r="G13" s="3"/>
      <c r="H13" s="3"/>
      <c r="I13" s="3"/>
      <c r="J13" s="3"/>
      <c r="K13" s="3"/>
      <c r="L13" s="3"/>
      <c r="M13" s="3"/>
      <c r="N13" s="3"/>
      <c r="O13" s="3"/>
      <c r="P13" s="3"/>
      <c r="Q13" s="3"/>
      <c r="R13" s="3"/>
      <c r="S13" s="3"/>
      <c r="T13" s="3"/>
      <c r="U13" s="3"/>
      <c r="V13" s="3"/>
      <c r="W13" s="3"/>
      <c r="X13" s="3"/>
    </row>
    <row r="14" spans="1:24" x14ac:dyDescent="0.25">
      <c r="D14" s="3"/>
      <c r="E14" s="3"/>
      <c r="F14" s="3"/>
      <c r="G14" s="3"/>
      <c r="H14" s="3"/>
      <c r="I14" s="3"/>
      <c r="J14" s="3"/>
      <c r="K14" s="3"/>
      <c r="L14" s="3"/>
      <c r="M14" s="3"/>
      <c r="N14" s="3"/>
      <c r="O14" s="3"/>
      <c r="P14" s="3"/>
      <c r="Q14" s="3"/>
      <c r="R14" s="3"/>
      <c r="S14" s="3"/>
      <c r="T14" s="3"/>
      <c r="U14" s="3"/>
      <c r="V14" s="3"/>
      <c r="W14" s="3"/>
      <c r="X14" s="3"/>
    </row>
    <row r="15" spans="1:24" x14ac:dyDescent="0.25">
      <c r="D15" s="3"/>
      <c r="E15" s="3"/>
      <c r="F15" s="3"/>
      <c r="G15" s="3"/>
      <c r="H15" s="3"/>
      <c r="I15" s="3"/>
      <c r="J15" s="3"/>
      <c r="K15" s="3"/>
      <c r="L15" s="3"/>
      <c r="M15" s="3"/>
      <c r="N15" s="3"/>
      <c r="O15" s="3"/>
      <c r="P15" s="3"/>
      <c r="Q15" s="3"/>
      <c r="R15" s="3"/>
      <c r="S15" s="3"/>
      <c r="T15" s="3"/>
      <c r="U15" s="3"/>
      <c r="V15" s="3"/>
      <c r="W15" s="3"/>
      <c r="X15" s="3"/>
    </row>
    <row r="16" spans="1:24" x14ac:dyDescent="0.25">
      <c r="D16" s="3"/>
      <c r="E16" s="3"/>
      <c r="F16" s="3"/>
      <c r="G16" s="3"/>
      <c r="H16" s="3"/>
      <c r="I16" s="3"/>
      <c r="J16" s="3"/>
      <c r="K16" s="3"/>
      <c r="L16" s="3"/>
      <c r="M16" s="3"/>
      <c r="N16" s="3"/>
      <c r="O16" s="3"/>
      <c r="P16" s="3"/>
      <c r="Q16" s="3"/>
      <c r="R16" s="3"/>
      <c r="S16" s="3"/>
      <c r="T16" s="3"/>
      <c r="U16" s="3"/>
      <c r="V16" s="3"/>
      <c r="W16" s="3"/>
      <c r="X16" s="3"/>
    </row>
    <row r="17" spans="4:24" x14ac:dyDescent="0.25">
      <c r="D17" s="3"/>
      <c r="E17" s="3"/>
      <c r="F17" s="3"/>
      <c r="G17" s="3"/>
      <c r="H17" s="3"/>
      <c r="I17" s="3"/>
      <c r="J17" s="3"/>
      <c r="K17" s="3"/>
      <c r="L17" s="3"/>
      <c r="M17" s="3"/>
      <c r="N17" s="3"/>
      <c r="O17" s="3"/>
      <c r="P17" s="3"/>
      <c r="Q17" s="3"/>
      <c r="R17" s="3"/>
      <c r="S17" s="3"/>
      <c r="T17" s="3"/>
      <c r="U17" s="3"/>
      <c r="V17" s="3"/>
      <c r="W17" s="3"/>
      <c r="X17" s="3"/>
    </row>
    <row r="18" spans="4:24" x14ac:dyDescent="0.25">
      <c r="D18" s="3"/>
      <c r="E18" s="3"/>
      <c r="F18" s="3"/>
      <c r="G18" s="3"/>
      <c r="H18" s="3"/>
      <c r="I18" s="3"/>
      <c r="J18" s="3"/>
      <c r="K18" s="3"/>
      <c r="L18" s="3"/>
      <c r="M18" s="3"/>
      <c r="N18" s="3"/>
      <c r="O18" s="3"/>
      <c r="P18" s="3"/>
      <c r="Q18" s="3"/>
      <c r="R18" s="3"/>
      <c r="S18" s="3"/>
      <c r="T18" s="3"/>
      <c r="U18" s="3"/>
      <c r="V18" s="3"/>
      <c r="W18" s="3"/>
      <c r="X18" s="3"/>
    </row>
    <row r="19" spans="4:24" x14ac:dyDescent="0.25">
      <c r="D19" s="3"/>
      <c r="E19" s="3"/>
      <c r="F19" s="3"/>
      <c r="G19" s="3"/>
      <c r="H19" s="3"/>
      <c r="I19" s="3"/>
      <c r="J19" s="3"/>
      <c r="K19" s="3"/>
      <c r="L19" s="3"/>
      <c r="M19" s="3"/>
      <c r="N19" s="3"/>
      <c r="O19" s="3"/>
      <c r="P19" s="3"/>
      <c r="Q19" s="3"/>
      <c r="R19" s="3"/>
      <c r="S19" s="3"/>
      <c r="T19" s="3"/>
      <c r="U19" s="3"/>
      <c r="V19" s="3"/>
      <c r="W19" s="3"/>
      <c r="X19" s="3"/>
    </row>
    <row r="20" spans="4:24" x14ac:dyDescent="0.25">
      <c r="D20" s="3"/>
      <c r="E20" s="3"/>
      <c r="F20" s="3"/>
      <c r="G20" s="3"/>
      <c r="H20" s="3"/>
      <c r="I20" s="3"/>
      <c r="J20" s="3"/>
      <c r="K20" s="3"/>
      <c r="L20" s="3"/>
      <c r="M20" s="3"/>
      <c r="N20" s="3"/>
      <c r="O20" s="3"/>
      <c r="P20" s="3"/>
      <c r="Q20" s="3"/>
      <c r="R20" s="3"/>
      <c r="S20" s="3"/>
      <c r="T20" s="3"/>
      <c r="U20" s="3"/>
      <c r="V20" s="3"/>
      <c r="W20" s="3"/>
      <c r="X20" s="3"/>
    </row>
    <row r="21" spans="4:24" x14ac:dyDescent="0.25">
      <c r="D21" s="3"/>
      <c r="E21" s="3"/>
      <c r="F21" s="3"/>
      <c r="G21" s="3"/>
      <c r="H21" s="3"/>
      <c r="I21" s="3"/>
      <c r="J21" s="3"/>
      <c r="K21" s="3"/>
      <c r="L21" s="3"/>
      <c r="M21" s="3"/>
      <c r="N21" s="3"/>
      <c r="O21" s="3"/>
      <c r="P21" s="3"/>
      <c r="Q21" s="3"/>
      <c r="R21" s="3"/>
      <c r="S21" s="3"/>
      <c r="T21" s="3"/>
      <c r="U21" s="3"/>
      <c r="V21" s="3"/>
      <c r="W21" s="3"/>
      <c r="X21" s="3"/>
    </row>
    <row r="22" spans="4:24" x14ac:dyDescent="0.25">
      <c r="D22" s="3"/>
      <c r="E22" s="3"/>
      <c r="F22" s="3"/>
      <c r="G22" s="3"/>
      <c r="H22" s="3"/>
      <c r="I22" s="3"/>
      <c r="J22" s="3"/>
      <c r="K22" s="3"/>
      <c r="L22" s="3"/>
      <c r="M22" s="3"/>
      <c r="N22" s="3"/>
      <c r="O22" s="3"/>
      <c r="P22" s="3"/>
      <c r="Q22" s="3"/>
      <c r="R22" s="3"/>
      <c r="S22" s="3"/>
      <c r="T22" s="3"/>
      <c r="U22" s="3"/>
      <c r="V22" s="3"/>
      <c r="W22" s="3"/>
      <c r="X22" s="3"/>
    </row>
    <row r="23" spans="4:24" x14ac:dyDescent="0.25">
      <c r="D23" s="3"/>
      <c r="E23" s="3"/>
      <c r="F23" s="3"/>
      <c r="G23" s="3"/>
      <c r="H23" s="3"/>
      <c r="I23" s="3"/>
      <c r="J23" s="3"/>
      <c r="K23" s="3"/>
      <c r="L23" s="3"/>
      <c r="M23" s="3"/>
      <c r="N23" s="3"/>
      <c r="O23" s="3"/>
      <c r="P23" s="3"/>
      <c r="Q23" s="3"/>
      <c r="R23" s="3"/>
      <c r="S23" s="3"/>
      <c r="T23" s="3"/>
      <c r="U23" s="3"/>
      <c r="V23" s="3"/>
      <c r="W23" s="3"/>
      <c r="X23" s="3"/>
    </row>
    <row r="24" spans="4:24" x14ac:dyDescent="0.25">
      <c r="D24" s="3"/>
      <c r="E24" s="3"/>
      <c r="F24" s="3"/>
      <c r="G24" s="3"/>
      <c r="H24" s="3"/>
      <c r="I24" s="3"/>
      <c r="J24" s="3"/>
      <c r="K24" s="3"/>
      <c r="L24" s="3"/>
      <c r="M24" s="3"/>
      <c r="N24" s="3"/>
      <c r="O24" s="3"/>
      <c r="P24" s="3"/>
      <c r="Q24" s="3"/>
      <c r="R24" s="3"/>
      <c r="S24" s="3"/>
      <c r="T24" s="3"/>
      <c r="U24" s="3"/>
      <c r="V24" s="3"/>
      <c r="W24" s="3"/>
      <c r="X24" s="3"/>
    </row>
    <row r="25" spans="4:24" x14ac:dyDescent="0.25">
      <c r="D25" s="3"/>
      <c r="E25" s="3"/>
      <c r="F25" s="3"/>
      <c r="G25" s="3"/>
      <c r="H25" s="3"/>
      <c r="I25" s="3"/>
      <c r="J25" s="3"/>
      <c r="K25" s="3"/>
      <c r="L25" s="3"/>
      <c r="M25" s="3"/>
      <c r="N25" s="3"/>
      <c r="O25" s="3"/>
      <c r="P25" s="3"/>
      <c r="Q25" s="3"/>
      <c r="R25" s="3"/>
      <c r="S25" s="3"/>
      <c r="T25" s="3"/>
      <c r="U25" s="3"/>
      <c r="V25" s="3"/>
      <c r="W25" s="3"/>
      <c r="X25" s="3"/>
    </row>
    <row r="26" spans="4:24" x14ac:dyDescent="0.25">
      <c r="D26" s="3"/>
      <c r="E26" s="3"/>
      <c r="F26" s="3"/>
      <c r="G26" s="3"/>
      <c r="H26" s="3"/>
      <c r="I26" s="3"/>
      <c r="J26" s="3"/>
      <c r="K26" s="3"/>
      <c r="L26" s="3"/>
      <c r="M26" s="3"/>
      <c r="N26" s="3"/>
      <c r="O26" s="3"/>
      <c r="P26" s="3"/>
      <c r="Q26" s="3"/>
      <c r="R26" s="3"/>
      <c r="S26" s="3"/>
      <c r="T26" s="3"/>
      <c r="U26" s="3"/>
      <c r="V26" s="3"/>
      <c r="W26" s="3"/>
      <c r="X26" s="3"/>
    </row>
    <row r="27" spans="4:24" x14ac:dyDescent="0.25">
      <c r="D27" s="3"/>
      <c r="E27" s="3"/>
      <c r="F27" s="3"/>
      <c r="G27" s="3"/>
      <c r="H27" s="3"/>
      <c r="I27" s="3"/>
      <c r="J27" s="3"/>
      <c r="K27" s="3"/>
      <c r="L27" s="3"/>
      <c r="M27" s="3"/>
      <c r="N27" s="3"/>
      <c r="O27" s="3"/>
      <c r="P27" s="3"/>
      <c r="Q27" s="3"/>
      <c r="R27" s="3"/>
      <c r="S27" s="3"/>
      <c r="T27" s="3"/>
      <c r="U27" s="3"/>
      <c r="V27" s="3"/>
      <c r="W27" s="3"/>
      <c r="X27" s="3"/>
    </row>
    <row r="28" spans="4:24" x14ac:dyDescent="0.25">
      <c r="D28" s="3"/>
      <c r="E28" s="3"/>
      <c r="F28" s="3"/>
      <c r="G28" s="3"/>
      <c r="H28" s="3"/>
      <c r="I28" s="3"/>
      <c r="J28" s="3"/>
      <c r="K28" s="3"/>
      <c r="L28" s="3"/>
      <c r="M28" s="3"/>
      <c r="N28" s="3"/>
      <c r="O28" s="3"/>
      <c r="P28" s="3"/>
      <c r="Q28" s="3"/>
      <c r="R28" s="3"/>
      <c r="S28" s="3"/>
      <c r="T28" s="3"/>
      <c r="U28" s="3"/>
      <c r="V28" s="3"/>
      <c r="W28" s="3"/>
      <c r="X28" s="3"/>
    </row>
    <row r="29" spans="4:24" x14ac:dyDescent="0.25">
      <c r="D29" s="3"/>
      <c r="E29" s="3"/>
      <c r="F29" s="3"/>
      <c r="G29" s="3"/>
      <c r="H29" s="3"/>
      <c r="I29" s="3"/>
      <c r="J29" s="3"/>
      <c r="K29" s="3"/>
      <c r="L29" s="3"/>
      <c r="M29" s="3"/>
      <c r="N29" s="3"/>
      <c r="O29" s="3"/>
      <c r="P29" s="3"/>
      <c r="Q29" s="3"/>
      <c r="R29" s="3"/>
      <c r="S29" s="3"/>
      <c r="T29" s="3"/>
      <c r="U29" s="3"/>
      <c r="V29" s="3"/>
      <c r="W29" s="3"/>
      <c r="X29" s="3"/>
    </row>
    <row r="30" spans="4:24" x14ac:dyDescent="0.25">
      <c r="D30" s="3"/>
      <c r="E30" s="3"/>
      <c r="F30" s="3"/>
      <c r="G30" s="3"/>
      <c r="H30" s="3"/>
      <c r="I30" s="3"/>
      <c r="J30" s="3"/>
      <c r="K30" s="3"/>
      <c r="L30" s="3"/>
      <c r="M30" s="3"/>
      <c r="N30" s="3"/>
      <c r="O30" s="3"/>
      <c r="P30" s="3"/>
      <c r="Q30" s="3"/>
      <c r="R30" s="3"/>
      <c r="S30" s="3"/>
      <c r="T30" s="3"/>
      <c r="U30" s="3"/>
      <c r="V30" s="3"/>
      <c r="W30" s="3"/>
      <c r="X30" s="3"/>
    </row>
    <row r="31" spans="4:24" x14ac:dyDescent="0.25">
      <c r="D31" s="3"/>
      <c r="E31" s="3"/>
      <c r="F31" s="3"/>
      <c r="G31" s="3"/>
      <c r="H31" s="3"/>
      <c r="I31" s="3"/>
      <c r="J31" s="3"/>
      <c r="K31" s="3"/>
      <c r="L31" s="3"/>
      <c r="M31" s="3"/>
      <c r="N31" s="3"/>
      <c r="O31" s="3"/>
      <c r="P31" s="3"/>
      <c r="Q31" s="3"/>
      <c r="R31" s="3"/>
      <c r="S31" s="3"/>
      <c r="T31" s="3"/>
      <c r="U31" s="3"/>
      <c r="V31" s="3"/>
      <c r="W31" s="3"/>
      <c r="X31" s="3"/>
    </row>
    <row r="32" spans="4:24" x14ac:dyDescent="0.25">
      <c r="D32" s="3"/>
      <c r="E32" s="3"/>
      <c r="F32" s="3"/>
      <c r="G32" s="3"/>
      <c r="H32" s="3"/>
      <c r="I32" s="3"/>
      <c r="J32" s="3"/>
      <c r="K32" s="3"/>
      <c r="L32" s="3"/>
      <c r="M32" s="3"/>
      <c r="N32" s="3"/>
      <c r="O32" s="3"/>
      <c r="P32" s="3"/>
      <c r="Q32" s="3"/>
      <c r="R32" s="3"/>
      <c r="S32" s="3"/>
      <c r="T32" s="3"/>
      <c r="U32" s="3"/>
      <c r="V32" s="3"/>
      <c r="W32" s="3"/>
      <c r="X32" s="3"/>
    </row>
    <row r="33" spans="4:24" x14ac:dyDescent="0.25">
      <c r="D33" s="3"/>
      <c r="E33" s="3"/>
      <c r="F33" s="3"/>
      <c r="G33" s="3"/>
      <c r="H33" s="3"/>
      <c r="I33" s="3"/>
      <c r="J33" s="3"/>
      <c r="K33" s="3"/>
      <c r="L33" s="3"/>
      <c r="M33" s="3"/>
      <c r="N33" s="3"/>
      <c r="O33" s="3"/>
      <c r="P33" s="3"/>
      <c r="Q33" s="3"/>
      <c r="R33" s="3"/>
      <c r="S33" s="3"/>
      <c r="T33" s="3"/>
      <c r="U33" s="3"/>
      <c r="V33" s="3"/>
      <c r="W33" s="3"/>
      <c r="X33" s="3"/>
    </row>
    <row r="34" spans="4:24" x14ac:dyDescent="0.25">
      <c r="D34" s="3"/>
      <c r="E34" s="3"/>
      <c r="F34" s="3"/>
      <c r="G34" s="3"/>
      <c r="H34" s="3"/>
      <c r="I34" s="3"/>
      <c r="J34" s="3"/>
      <c r="K34" s="3"/>
      <c r="L34" s="3"/>
      <c r="M34" s="3"/>
      <c r="N34" s="3"/>
      <c r="O34" s="3"/>
      <c r="P34" s="3"/>
      <c r="Q34" s="3"/>
      <c r="R34" s="3"/>
      <c r="S34" s="3"/>
      <c r="T34" s="3"/>
      <c r="U34" s="3"/>
      <c r="V34" s="3"/>
      <c r="W34" s="3"/>
      <c r="X34" s="3"/>
    </row>
    <row r="35" spans="4:24" x14ac:dyDescent="0.25">
      <c r="D35" s="3"/>
      <c r="E35" s="3"/>
      <c r="F35" s="3"/>
      <c r="G35" s="3"/>
      <c r="H35" s="3"/>
      <c r="I35" s="3"/>
      <c r="J35" s="3"/>
      <c r="K35" s="3"/>
      <c r="L35" s="3"/>
      <c r="M35" s="3"/>
      <c r="N35" s="3"/>
      <c r="O35" s="3"/>
      <c r="P35" s="3"/>
      <c r="Q35" s="3"/>
      <c r="R35" s="3"/>
      <c r="S35" s="3"/>
      <c r="T35" s="3"/>
      <c r="U35" s="3"/>
      <c r="V35" s="3"/>
      <c r="W35" s="3"/>
      <c r="X35" s="3"/>
    </row>
    <row r="36" spans="4:24" x14ac:dyDescent="0.25">
      <c r="D36" s="3"/>
      <c r="E36" s="3"/>
      <c r="F36" s="3"/>
      <c r="G36" s="3"/>
      <c r="H36" s="3"/>
      <c r="I36" s="3"/>
      <c r="J36" s="3"/>
      <c r="K36" s="3"/>
      <c r="L36" s="3"/>
      <c r="M36" s="3"/>
      <c r="N36" s="3"/>
      <c r="O36" s="3"/>
      <c r="P36" s="3"/>
      <c r="Q36" s="3"/>
      <c r="R36" s="3"/>
      <c r="S36" s="3"/>
      <c r="T36" s="3"/>
      <c r="U36" s="3"/>
      <c r="V36" s="3"/>
      <c r="W36" s="3"/>
      <c r="X36" s="3"/>
    </row>
    <row r="37" spans="4:24" x14ac:dyDescent="0.25">
      <c r="D37" s="3"/>
      <c r="E37" s="3"/>
      <c r="F37" s="3"/>
      <c r="G37" s="3"/>
      <c r="H37" s="3"/>
      <c r="I37" s="3"/>
      <c r="J37" s="3"/>
      <c r="K37" s="3"/>
      <c r="L37" s="3"/>
      <c r="M37" s="3"/>
      <c r="N37" s="3"/>
      <c r="O37" s="3"/>
      <c r="P37" s="3"/>
      <c r="Q37" s="3"/>
      <c r="R37" s="3"/>
      <c r="S37" s="3"/>
      <c r="T37" s="3"/>
      <c r="U37" s="3"/>
      <c r="V37" s="3"/>
      <c r="W37" s="3"/>
      <c r="X37" s="3"/>
    </row>
    <row r="38" spans="4:24" x14ac:dyDescent="0.25">
      <c r="D38" s="3"/>
      <c r="E38" s="3"/>
      <c r="F38" s="3"/>
      <c r="G38" s="3"/>
      <c r="H38" s="3"/>
      <c r="I38" s="3"/>
      <c r="J38" s="3"/>
      <c r="K38" s="3"/>
      <c r="L38" s="3"/>
      <c r="M38" s="3"/>
      <c r="N38" s="3"/>
      <c r="O38" s="3"/>
      <c r="P38" s="3"/>
      <c r="Q38" s="3"/>
      <c r="R38" s="3"/>
      <c r="S38" s="3"/>
      <c r="T38" s="3"/>
      <c r="U38" s="3"/>
      <c r="V38" s="3"/>
      <c r="W38" s="3"/>
      <c r="X38" s="3"/>
    </row>
    <row r="39" spans="4:24" x14ac:dyDescent="0.25">
      <c r="D39" s="3"/>
      <c r="E39" s="3"/>
      <c r="F39" s="3"/>
      <c r="G39" s="3"/>
      <c r="H39" s="3"/>
      <c r="I39" s="3"/>
      <c r="J39" s="3"/>
      <c r="K39" s="3"/>
      <c r="L39" s="3"/>
      <c r="M39" s="3"/>
      <c r="N39" s="3"/>
      <c r="O39" s="3"/>
      <c r="P39" s="3"/>
      <c r="Q39" s="3"/>
      <c r="R39" s="3"/>
      <c r="S39" s="3"/>
      <c r="T39" s="3"/>
      <c r="U39" s="3"/>
      <c r="V39" s="3"/>
      <c r="W39" s="3"/>
      <c r="X39" s="3"/>
    </row>
    <row r="40" spans="4:24" x14ac:dyDescent="0.25">
      <c r="D40" s="3"/>
      <c r="E40" s="3"/>
      <c r="F40" s="3"/>
      <c r="G40" s="3"/>
      <c r="H40" s="3"/>
      <c r="I40" s="3"/>
      <c r="J40" s="3"/>
      <c r="K40" s="3"/>
      <c r="L40" s="3"/>
      <c r="M40" s="3"/>
      <c r="N40" s="3"/>
      <c r="O40" s="3"/>
      <c r="P40" s="3"/>
      <c r="Q40" s="3"/>
      <c r="R40" s="3"/>
      <c r="S40" s="3"/>
      <c r="T40" s="3"/>
      <c r="U40" s="3"/>
      <c r="V40" s="3"/>
      <c r="W40" s="3"/>
      <c r="X40" s="3"/>
    </row>
    <row r="41" spans="4:24" x14ac:dyDescent="0.25">
      <c r="D41" s="3"/>
      <c r="E41" s="3"/>
      <c r="F41" s="3"/>
      <c r="G41" s="3"/>
      <c r="H41" s="3"/>
      <c r="I41" s="3"/>
      <c r="J41" s="3"/>
      <c r="K41" s="3"/>
      <c r="L41" s="3"/>
      <c r="M41" s="3"/>
      <c r="N41" s="3"/>
      <c r="O41" s="3"/>
      <c r="P41" s="3"/>
      <c r="Q41" s="3"/>
      <c r="R41" s="3"/>
      <c r="S41" s="3"/>
      <c r="T41" s="3"/>
      <c r="U41" s="3"/>
      <c r="V41" s="3"/>
      <c r="W41" s="3"/>
      <c r="X41" s="3"/>
    </row>
    <row r="42" spans="4:24" x14ac:dyDescent="0.25">
      <c r="D42" s="3"/>
      <c r="E42" s="3"/>
      <c r="F42" s="3"/>
      <c r="G42" s="3"/>
      <c r="H42" s="3"/>
      <c r="I42" s="3"/>
      <c r="J42" s="3"/>
      <c r="K42" s="3"/>
      <c r="L42" s="3"/>
      <c r="M42" s="3"/>
      <c r="N42" s="3"/>
      <c r="O42" s="3"/>
      <c r="P42" s="3"/>
      <c r="Q42" s="3"/>
      <c r="R42" s="3"/>
      <c r="S42" s="3"/>
      <c r="T42" s="3"/>
      <c r="U42" s="3"/>
      <c r="V42" s="3"/>
      <c r="W42" s="3"/>
      <c r="X42" s="3"/>
    </row>
    <row r="43" spans="4:24" x14ac:dyDescent="0.25">
      <c r="D43" s="3"/>
      <c r="E43" s="3"/>
      <c r="F43" s="3"/>
      <c r="G43" s="3"/>
      <c r="H43" s="3"/>
      <c r="I43" s="3"/>
      <c r="J43" s="3"/>
      <c r="K43" s="3"/>
      <c r="L43" s="3"/>
      <c r="M43" s="3"/>
      <c r="N43" s="3"/>
      <c r="O43" s="3"/>
      <c r="P43" s="3"/>
      <c r="Q43" s="3"/>
      <c r="R43" s="3"/>
      <c r="S43" s="3"/>
      <c r="T43" s="3"/>
      <c r="U43" s="3"/>
      <c r="V43" s="3"/>
      <c r="W43" s="3"/>
      <c r="X43" s="3"/>
    </row>
    <row r="44" spans="4:24" x14ac:dyDescent="0.25">
      <c r="D44" s="3"/>
      <c r="E44" s="3"/>
      <c r="F44" s="3"/>
      <c r="G44" s="3"/>
      <c r="H44" s="3"/>
      <c r="I44" s="3"/>
      <c r="J44" s="3"/>
      <c r="K44" s="3"/>
      <c r="L44" s="3"/>
      <c r="M44" s="3"/>
      <c r="N44" s="3"/>
      <c r="O44" s="3"/>
      <c r="P44" s="3"/>
      <c r="Q44" s="3"/>
      <c r="R44" s="3"/>
      <c r="S44" s="3"/>
      <c r="T44" s="3"/>
      <c r="U44" s="3"/>
      <c r="V44" s="3"/>
      <c r="W44" s="3"/>
      <c r="X44" s="3"/>
    </row>
    <row r="45" spans="4:24" x14ac:dyDescent="0.25">
      <c r="D45" s="3"/>
      <c r="E45" s="3"/>
      <c r="F45" s="3"/>
      <c r="G45" s="3"/>
      <c r="H45" s="3"/>
      <c r="I45" s="3"/>
      <c r="J45" s="3"/>
      <c r="K45" s="3"/>
      <c r="L45" s="3"/>
      <c r="M45" s="3"/>
      <c r="N45" s="3"/>
      <c r="O45" s="3"/>
      <c r="P45" s="3"/>
      <c r="Q45" s="3"/>
      <c r="R45" s="3"/>
      <c r="S45" s="3"/>
      <c r="T45" s="3"/>
      <c r="U45" s="3"/>
      <c r="V45" s="3"/>
      <c r="W45" s="3"/>
      <c r="X45" s="3"/>
    </row>
    <row r="46" spans="4:24" x14ac:dyDescent="0.25">
      <c r="D46" s="3"/>
      <c r="E46" s="3"/>
      <c r="F46" s="3"/>
      <c r="G46" s="3"/>
      <c r="H46" s="3"/>
      <c r="I46" s="3"/>
      <c r="J46" s="3"/>
      <c r="K46" s="3"/>
      <c r="L46" s="3"/>
      <c r="M46" s="3"/>
      <c r="N46" s="3"/>
      <c r="O46" s="3"/>
      <c r="P46" s="3"/>
      <c r="Q46" s="3"/>
      <c r="R46" s="3"/>
      <c r="S46" s="3"/>
      <c r="T46" s="3"/>
      <c r="U46" s="3"/>
      <c r="V46" s="3"/>
      <c r="W46" s="3"/>
      <c r="X46" s="3"/>
    </row>
    <row r="47" spans="4:24" x14ac:dyDescent="0.25">
      <c r="D47" s="3"/>
      <c r="E47" s="3"/>
      <c r="F47" s="3"/>
      <c r="G47" s="3"/>
      <c r="H47" s="3"/>
      <c r="I47" s="3"/>
      <c r="J47" s="3"/>
      <c r="K47" s="3"/>
      <c r="L47" s="3"/>
      <c r="M47" s="3"/>
      <c r="N47" s="3"/>
      <c r="O47" s="3"/>
      <c r="P47" s="3"/>
      <c r="Q47" s="3"/>
      <c r="R47" s="3"/>
      <c r="S47" s="3"/>
      <c r="T47" s="3"/>
      <c r="U47" s="3"/>
      <c r="V47" s="3"/>
      <c r="W47" s="3"/>
      <c r="X47" s="3"/>
    </row>
    <row r="48" spans="4:24" x14ac:dyDescent="0.25">
      <c r="D48" s="3"/>
      <c r="E48" s="3"/>
      <c r="F48" s="3"/>
      <c r="G48" s="3"/>
      <c r="H48" s="3"/>
      <c r="I48" s="3"/>
      <c r="J48" s="3"/>
      <c r="K48" s="3"/>
      <c r="L48" s="3"/>
      <c r="M48" s="3"/>
      <c r="N48" s="3"/>
      <c r="O48" s="3"/>
      <c r="P48" s="3"/>
      <c r="Q48" s="3"/>
      <c r="R48" s="3"/>
      <c r="S48" s="3"/>
      <c r="T48" s="3"/>
      <c r="U48" s="3"/>
      <c r="V48" s="3"/>
      <c r="W48" s="3"/>
      <c r="X48" s="3"/>
    </row>
  </sheetData>
  <mergeCells count="1">
    <mergeCell ref="A1:C1"/>
  </mergeCells>
  <pageMargins left="0.7" right="0.7" top="0.75" bottom="0.75" header="0.3" footer="0.3"/>
  <pageSetup orientation="portrait" r:id="rId1"/>
  <headerFooter>
    <oddHeader>&amp;L&amp;"Calibri"&amp;10&amp;K7FAA39 | DNB PUBLIC |&amp;1#_x000D_</oddHeader>
  </headerFooter>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NB Taak Document" ma:contentTypeID="0x0101001A9AF98CE4D646E7BAD5E0A615FBC45700531684C5AA7845B1B8AD3BF3F8A4C4F800DC5C328B0967A84CBC6CC0887BE7D964" ma:contentTypeVersion="57" ma:contentTypeDescription="DNB Taak Document" ma:contentTypeScope="" ma:versionID="40871e75d9920424ab0f2bce6a888b47">
  <xsd:schema xmlns:xsd="http://www.w3.org/2001/XMLSchema" xmlns:xs="http://www.w3.org/2001/XMLSchema" xmlns:p="http://schemas.microsoft.com/office/2006/metadata/properties" xmlns:ns1="http://schemas.microsoft.com/sharepoint/v3" xmlns:ns2="f072c7c8-c0ca-48e9-a9c4-2a029bcf732c" xmlns:ns3="http://schemas.dnb.nl/sharepoint" xmlns:ns4="5b958b1b-39fd-461f-a4da-859d63e8b046" xmlns:ns5="http://schemas.microsoft.com/sharepoint/v4" targetNamespace="http://schemas.microsoft.com/office/2006/metadata/properties" ma:root="true" ma:fieldsID="77f983b0bc83fb1058e0e7d72da049e5" ns1:_="" ns2:_="" ns3:_="" ns4:_="" ns5:_="">
    <xsd:import namespace="http://schemas.microsoft.com/sharepoint/v3"/>
    <xsd:import namespace="f072c7c8-c0ca-48e9-a9c4-2a029bcf732c"/>
    <xsd:import namespace="http://schemas.dnb.nl/sharepoint"/>
    <xsd:import namespace="5b958b1b-39fd-461f-a4da-859d63e8b046"/>
    <xsd:import namespace="http://schemas.microsoft.com/sharepoint/v4"/>
    <xsd:element name="properties">
      <xsd:complexType>
        <xsd:sequence>
          <xsd:element name="documentManagement">
            <xsd:complexType>
              <xsd:all>
                <xsd:element ref="ns2:DNB_Distributie" minOccurs="0"/>
                <xsd:element ref="ns2:TaxCatchAll" minOccurs="0"/>
                <xsd:element ref="ns2:TaxCatchAllLabel" minOccurs="0"/>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3:_dlc_DocId" minOccurs="0"/>
                <xsd:element ref="ns3:_dlc_DocIdUrl" minOccurs="0"/>
                <xsd:element ref="ns2:f416c62b8084a6924c1caabc0cb60db6" minOccurs="0"/>
                <xsd:element ref="ns4:MediaServiceMetadata" minOccurs="0"/>
                <xsd:element ref="ns1:_vti_ItemDeclaredRecord" minOccurs="0"/>
                <xsd:element ref="ns4:MediaServiceFastMetadata" minOccurs="0"/>
                <xsd:element ref="ns5:IconOverlay" minOccurs="0"/>
                <xsd:element ref="ns1:_vti_ItemHoldRecordStatus" minOccurs="0"/>
                <xsd:element ref="ns2:_dlc_DocIdPersistId" minOccurs="0"/>
                <xsd:element ref="ns2:od8e6e3d90a0498c44d1c8f50b765f78" minOccurs="0"/>
                <xsd:element ref="ns2:m2811a07b6c6fd47188d63596ada41d4" minOccurs="0"/>
                <xsd:element ref="ns2:ce43ac4ada01bb4f0f5218f9cc256b90" minOccurs="0"/>
                <xsd:element ref="ns4:MediaServiceDateTaken" minOccurs="0"/>
                <xsd:element ref="ns4:MediaLengthInSeconds" minOccurs="0"/>
                <xsd:element ref="ns2:SharedWithUsers" minOccurs="0"/>
                <xsd:element ref="ns2:SharedWithDetails" minOccurs="0"/>
                <xsd:element ref="ns4:MediaServiceObjectDetectorVersions" minOccurs="0"/>
                <xsd:element ref="ns4:lcf76f155ced4ddcb4097134ff3c332f" minOccurs="0"/>
                <xsd:element ref="ns4:MediaServiceOCR" minOccurs="0"/>
                <xsd:element ref="ns4:MediaServiceGenerationTime" minOccurs="0"/>
                <xsd:element ref="ns4:MediaServiceEventHashCode"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29" nillable="true" ma:displayName="Declared Record" ma:hidden="true" ma:internalName="_vti_ItemDeclaredRecord" ma:readOnly="false">
      <xsd:simpleType>
        <xsd:restriction base="dms:DateTime"/>
      </xsd:simpleType>
    </xsd:element>
    <xsd:element name="_vti_ItemHoldRecordStatus" ma:index="32" nillable="true" ma:displayName="Hold and Record Status"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Distributie" ma:index="2" nillable="true" ma:displayName="Distributie" ma:default="False" ma:internalName="DNB_Distributie">
      <xsd:simpleType>
        <xsd:restriction base="dms:Boolean"/>
      </xsd:simpleType>
    </xsd:element>
    <xsd:element name="TaxCatchAll" ma:index="4" nillable="true" ma:displayName="Taxonomy Catch All Column" ma:description="" ma:hidden="true" ma:list="{9299f476-c459-4fd3-a292-34b7a829af6f}" ma:internalName="TaxCatchAll"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TaxCatchAllLabel" ma:index="5" nillable="true" ma:displayName="Taxonomy Catch All Column1" ma:description="" ma:hidden="true" ma:list="{9299f476-c459-4fd3-a292-34b7a829af6f}" ma:internalName="TaxCatchAllLabel" ma:readOnly="tru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DNB_AuteurFix" ma:index="8" nillable="true" ma:displayName="Author" ma:SearchPeopleOnly="false" ma:internalName="DNB_AuteurFix">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9" nillable="true" ma:displayName="Recipient" ma:SearchPeopleOnly="false" ma:internalName="DNB_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0" nillable="true" ma:displayName="CC Recipient" ma:SearchPeopleOnly="false" ma:internalName="DNB_CC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1" nillable="true" ma:displayName="Remarks" ma:hidden="true" ma:internalName="DNB_Opmerkingen">
      <xsd:simpleType>
        <xsd:restriction base="dms:Note"/>
      </xsd:simpleType>
    </xsd:element>
    <xsd:element name="DNB_Sjabloon" ma:index="12" nillable="true" ma:displayName="Sjabloon" ma:hidden="true" ma:internalName="DNB_Sjabloon">
      <xsd:simpleType>
        <xsd:restriction base="dms:Text"/>
      </xsd:simpleType>
    </xsd:element>
    <xsd:element name="DNB_EmTo" ma:index="13" nillable="true" ma:displayName="E-mail To" ma:hidden="true" ma:internalName="DNB_EmTo">
      <xsd:simpleType>
        <xsd:restriction base="dms:Note">
          <xsd:maxLength value="255"/>
        </xsd:restriction>
      </xsd:simpleType>
    </xsd:element>
    <xsd:element name="DNB_EmFromName" ma:index="14" nillable="true" ma:displayName="E-mail From" ma:hidden="true" ma:internalName="DNB_EmFromName">
      <xsd:simpleType>
        <xsd:restriction base="dms:Text"/>
      </xsd:simpleType>
    </xsd:element>
    <xsd:element name="DNB_EmCC" ma:index="15" nillable="true" ma:displayName="E-mail CC" ma:hidden="true" ma:internalName="DNB_EmCC">
      <xsd:simpleType>
        <xsd:restriction base="dms:Note">
          <xsd:maxLength value="255"/>
        </xsd:restriction>
      </xsd:simpleType>
    </xsd:element>
    <xsd:element name="DNB_EmDate" ma:index="16" nillable="true" ma:displayName="E-mail Date" ma:hidden="true" ma:internalName="DNB_EmDate">
      <xsd:simpleType>
        <xsd:restriction base="dms:DateTime"/>
      </xsd:simpleType>
    </xsd:element>
    <xsd:element name="DNB_EmAttachCount" ma:index="17" nillable="true" ma:displayName="E-mail Attachment Count" ma:hidden="true" ma:internalName="DNB_EmAttachCount">
      <xsd:simpleType>
        <xsd:restriction base="dms:Text"/>
      </xsd:simpleType>
    </xsd:element>
    <xsd:element name="DNB_EmAttachmentNames" ma:index="18" nillable="true" ma:displayName="E-mail Attachment Names" ma:hidden="true" ma:internalName="DNB_EmAttachmentNames">
      <xsd:simpleType>
        <xsd:restriction base="dms:Note">
          <xsd:maxLength value="255"/>
        </xsd:restriction>
      </xsd:simpleType>
    </xsd:element>
    <xsd:element name="f416c62b8084a6924c1caabc0cb60db6" ma:index="25" nillable="true" ma:taxonomy="true" ma:internalName="f416c62b8084a6924c1caabc0cb60db6" ma:taxonomyFieldName="DNB_Divisie" ma:displayName="Division" ma:default="-1;#Toezicht Pensioenfondsen|05fe169f-9af6-4139-8249-771375f7b69c" ma:fieldId="{f416c62b-8084-a692-4c1c-aabc0cb60db6}"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_dlc_DocIdPersistId" ma:index="33" nillable="true" ma:displayName="Persist ID" ma:description="Keep ID on add." ma:hidden="true" ma:internalName="_dlc_DocIdPersistId" ma:readOnly="true">
      <xsd:simpleType>
        <xsd:restriction base="dms:Boolean"/>
      </xsd:simpleType>
    </xsd:element>
    <xsd:element name="od8e6e3d90a0498c44d1c8f50b765f78" ma:index="35" ma:taxonomy="true" ma:internalName="od8e6e3d90a0498c44d1c8f50b765f78" ma:taxonomyFieldName="DNB_Taaklabel" ma:displayName="DNB Label" ma:default="-1;#ATM|a25013d2-c165-4d74-8d30-f81257c82e75" ma:fieldId="{8d8e6e3d-90a0-498c-44d1-c8f50b765f78}" ma:taxonomyMulti="true" ma:sspId="b8135cd8-dd77-44d6-bdcc-adbf336672a2" ma:termSetId="090b21a2-0fe0-4d6c-a6c2-301ed207ecf5" ma:anchorId="842b4b06-6094-40be-a1bb-c62e4d421734" ma:open="false" ma:isKeyword="false">
      <xsd:complexType>
        <xsd:sequence>
          <xsd:element ref="pc:Terms" minOccurs="0" maxOccurs="1"/>
        </xsd:sequence>
      </xsd:complexType>
    </xsd:element>
    <xsd:element name="m2811a07b6c6fd47188d63596ada41d4" ma:index="36" nillable="true" ma:taxonomy="true" ma:internalName="m2811a07b6c6fd47188d63596ada41d4" ma:taxonomyFieldName="DNB_Afdeling" ma:displayName="Department" ma:default="-1;#Expertisecentrum Operationele ＆ IT-risico's|c50a550d-c620-4343-8967-1e9ef8f82735" ma:fieldId="{62811a07-b6c6-fd47-188d-63596ada41d4}"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ce43ac4ada01bb4f0f5218f9cc256b90" ma:index="37" nillable="true" ma:taxonomy="true" ma:internalName="ce43ac4ada01bb4f0f5218f9cc256b90" ma:taxonomyFieldName="DNB_Documenttype_2" ma:displayName="Documenttype" ma:default="" ma:fieldId="{ce43ac4a-da01-bb4f-0f52-18f9cc256b90}" ma:sspId="b8135cd8-dd77-44d6-bdcc-adbf336672a2" ma:termSetId="395ce03d-0244-47ca-98a5-087ed0cdc9ff" ma:anchorId="00000000-0000-0000-0000-000000000000" ma:open="false" ma:isKeyword="false">
      <xsd:complexType>
        <xsd:sequence>
          <xsd:element ref="pc:Terms" minOccurs="0" maxOccurs="1"/>
        </xsd:sequence>
      </xsd:complexType>
    </xsd:element>
    <xsd:element name="SharedWithUsers" ma:index="4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1"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0" nillable="true" ma:displayName="Document ID Value" ma:description="The value of the document ID assigned to this item." ma:indexed="true" ma:internalName="_dlc_DocId" ma:readOnly="true">
      <xsd:simpleType>
        <xsd:restriction base="dms:Text"/>
      </xsd:simpleType>
    </xsd:element>
    <xsd:element name="_dlc_DocIdUrl" ma:index="21"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5b958b1b-39fd-461f-a4da-859d63e8b046" elementFormDefault="qualified">
    <xsd:import namespace="http://schemas.microsoft.com/office/2006/documentManagement/types"/>
    <xsd:import namespace="http://schemas.microsoft.com/office/infopath/2007/PartnerControls"/>
    <xsd:element name="MediaServiceMetadata" ma:index="26" nillable="true" ma:displayName="MediaServiceMetadata" ma:hidden="true" ma:internalName="MediaServiceMetadata" ma:readOnly="true">
      <xsd:simpleType>
        <xsd:restriction base="dms:Note"/>
      </xsd:simpleType>
    </xsd:element>
    <xsd:element name="MediaServiceFastMetadata" ma:index="30" nillable="true" ma:displayName="MediaServiceFastMetadata" ma:hidden="true" ma:internalName="MediaServiceFastMetadata" ma:readOnly="true">
      <xsd:simpleType>
        <xsd:restriction base="dms:Note"/>
      </xsd:simpleType>
    </xsd:element>
    <xsd:element name="MediaServiceDateTaken" ma:index="38" nillable="true" ma:displayName="MediaServiceDateTaken" ma:hidden="true" ma:internalName="MediaServiceDateTaken" ma:readOnly="true">
      <xsd:simpleType>
        <xsd:restriction base="dms:Text"/>
      </xsd:simpleType>
    </xsd:element>
    <xsd:element name="MediaLengthInSeconds" ma:index="39" nillable="true" ma:displayName="MediaLengthInSeconds" ma:hidden="true" ma:internalName="MediaLengthInSeconds" ma:readOnly="true">
      <xsd:simpleType>
        <xsd:restriction base="dms:Unknown"/>
      </xsd:simpleType>
    </xsd:element>
    <xsd:element name="MediaServiceObjectDetectorVersions" ma:index="42" nillable="true" ma:displayName="MediaServiceObjectDetectorVersions" ma:hidden="true" ma:indexed="true" ma:internalName="MediaServiceObjectDetectorVersions" ma:readOnly="true">
      <xsd:simpleType>
        <xsd:restriction base="dms:Text"/>
      </xsd:simpleType>
    </xsd:element>
    <xsd:element name="lcf76f155ced4ddcb4097134ff3c332f" ma:index="44" nillable="true" ma:taxonomy="true" ma:internalName="lcf76f155ced4ddcb4097134ff3c332f" ma:taxonomyFieldName="MediaServiceImageTags" ma:displayName="Image 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OCR" ma:index="45" nillable="true" ma:displayName="Extracted Text" ma:internalName="MediaServiceOCR" ma:readOnly="true">
      <xsd:simpleType>
        <xsd:restriction base="dms:Note">
          <xsd:maxLength value="255"/>
        </xsd:restriction>
      </xsd:simpleType>
    </xsd:element>
    <xsd:element name="MediaServiceGenerationTime" ma:index="46" nillable="true" ma:displayName="MediaServiceGenerationTime" ma:hidden="true" ma:internalName="MediaServiceGenerationTime" ma:readOnly="true">
      <xsd:simpleType>
        <xsd:restriction base="dms:Text"/>
      </xsd:simpleType>
    </xsd:element>
    <xsd:element name="MediaServiceEventHashCode" ma:index="47" nillable="true" ma:displayName="MediaServiceEventHashCode" ma:hidden="true" ma:internalName="MediaServiceEventHashCode" ma:readOnly="true">
      <xsd:simpleType>
        <xsd:restriction base="dms:Text"/>
      </xsd:simpleType>
    </xsd:element>
    <xsd:element name="MediaServiceSearchProperties" ma:index="48"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31"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23" ma:displayName="Content Type"/>
        <xsd:element ref="dc:title" minOccurs="0" maxOccurs="1" ma:index="0"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DNB_AuteurFix xmlns="f072c7c8-c0ca-48e9-a9c4-2a029bcf732c">
      <UserInfo>
        <DisplayName/>
        <AccountId xsi:nil="true"/>
        <AccountType/>
      </UserInfo>
    </DNB_AuteurFix>
    <ce43ac4ada01bb4f0f5218f9cc256b90 xmlns="f072c7c8-c0ca-48e9-a9c4-2a029bcf732c">
      <Terms xmlns="http://schemas.microsoft.com/office/infopath/2007/PartnerControls"/>
    </ce43ac4ada01bb4f0f5218f9cc256b90>
    <DNB_Sjabloon xmlns="f072c7c8-c0ca-48e9-a9c4-2a029bcf732c" xsi:nil="true"/>
    <DNB_Opmerkingen xmlns="f072c7c8-c0ca-48e9-a9c4-2a029bcf732c" xsi:nil="true"/>
    <lcf76f155ced4ddcb4097134ff3c332f xmlns="5b958b1b-39fd-461f-a4da-859d63e8b046">
      <Terms xmlns="http://schemas.microsoft.com/office/infopath/2007/PartnerControls"/>
    </lcf76f155ced4ddcb4097134ff3c332f>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Toezicht Pensioenfondsen</TermName>
          <TermId xmlns="http://schemas.microsoft.com/office/infopath/2007/PartnerControls">05fe169f-9af6-4139-8249-771375f7b69c</TermId>
        </TermInfo>
      </Terms>
    </f416c62b8084a6924c1caabc0cb60db6>
    <IconOverlay xmlns="http://schemas.microsoft.com/sharepoint/v4" xsi:nil="true"/>
    <m2811a07b6c6fd47188d63596ada41d4 xmlns="f072c7c8-c0ca-48e9-a9c4-2a029bcf732c">
      <Terms xmlns="http://schemas.microsoft.com/office/infopath/2007/PartnerControls">
        <TermInfo xmlns="http://schemas.microsoft.com/office/infopath/2007/PartnerControls">
          <TermName xmlns="http://schemas.microsoft.com/office/infopath/2007/PartnerControls">Expertisecentrum Operationele ＆ IT-risico's</TermName>
          <TermId xmlns="http://schemas.microsoft.com/office/infopath/2007/PartnerControls">c50a550d-c620-4343-8967-1e9ef8f82735</TermId>
        </TermInfo>
      </Terms>
    </m2811a07b6c6fd47188d63596ada41d4>
    <TaxCatchAll xmlns="f072c7c8-c0ca-48e9-a9c4-2a029bcf732c">
      <Value>3</Value>
      <Value>2</Value>
      <Value>14</Value>
    </TaxCatchAll>
    <DNB_EmTo xmlns="f072c7c8-c0ca-48e9-a9c4-2a029bcf732c" xsi:nil="true"/>
    <DNB_EmAttachmentNames xmlns="f072c7c8-c0ca-48e9-a9c4-2a029bcf732c" xsi:nil="true"/>
    <DNB_Distributie xmlns="f072c7c8-c0ca-48e9-a9c4-2a029bcf732c">false</DNB_Distributie>
    <DNB_EmCC xmlns="f072c7c8-c0ca-48e9-a9c4-2a029bcf732c" xsi:nil="true"/>
    <DNB_EmDate xmlns="f072c7c8-c0ca-48e9-a9c4-2a029bcf732c" xsi:nil="true"/>
    <DNB_CCOntvanger xmlns="f072c7c8-c0ca-48e9-a9c4-2a029bcf732c">
      <UserInfo>
        <DisplayName/>
        <AccountId xsi:nil="true"/>
        <AccountType/>
      </UserInfo>
    </DNB_CCOntvanger>
    <DNB_Ontvanger xmlns="f072c7c8-c0ca-48e9-a9c4-2a029bcf732c">
      <UserInfo>
        <DisplayName/>
        <AccountId xsi:nil="true"/>
        <AccountType/>
      </UserInfo>
    </DNB_Ontvanger>
    <DNB_EmFromName xmlns="f072c7c8-c0ca-48e9-a9c4-2a029bcf732c" xsi:nil="true"/>
    <_vti_ItemDeclaredRecord xmlns="http://schemas.microsoft.com/sharepoint/v3" xsi:nil="true"/>
    <DNB_EmAttachCount xmlns="f072c7c8-c0ca-48e9-a9c4-2a029bcf732c" xsi:nil="true"/>
    <od8e6e3d90a0498c44d1c8f50b765f78 xmlns="f072c7c8-c0ca-48e9-a9c4-2a029bcf732c">
      <Terms xmlns="http://schemas.microsoft.com/office/infopath/2007/PartnerControls">
        <TermInfo xmlns="http://schemas.microsoft.com/office/infopath/2007/PartnerControls">
          <TermName xmlns="http://schemas.microsoft.com/office/infopath/2007/PartnerControls">ATM</TermName>
          <TermId xmlns="http://schemas.microsoft.com/office/infopath/2007/PartnerControls">a25013d2-c165-4d74-8d30-f81257c82e75</TermId>
        </TermInfo>
      </Terms>
    </od8e6e3d90a0498c44d1c8f50b765f78>
    <_dlc_DocId xmlns="http://schemas.dnb.nl/sharepoint">T053-1819371537-1421</_dlc_DocId>
    <_dlc_DocIdUrl xmlns="http://schemas.dnb.nl/sharepoint">
      <Url>https://dnbnl.sharepoint.com/sites/TK-tu-OperationeleITRisicos/_layouts/15/DocIdRedir.aspx?ID=T053-1819371537-1421</Url>
      <Description>T053-1819371537-1421</Description>
    </_dlc_DocIdUrl>
  </documentManagement>
</p:properties>
</file>

<file path=customXml/item5.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8FDB258-840B-4189-80A1-0F857939EFFB}">
  <ds:schemaRefs/>
</ds:datastoreItem>
</file>

<file path=customXml/itemProps2.xml><?xml version="1.0" encoding="utf-8"?>
<ds:datastoreItem xmlns:ds="http://schemas.openxmlformats.org/officeDocument/2006/customXml" ds:itemID="{46E56178-A09E-4724-8840-5C719A4A3FCD}">
  <ds:schemaRefs/>
</ds:datastoreItem>
</file>

<file path=customXml/itemProps3.xml><?xml version="1.0" encoding="utf-8"?>
<ds:datastoreItem xmlns:ds="http://schemas.openxmlformats.org/officeDocument/2006/customXml" ds:itemID="{1253D8E7-F1E6-4ED1-8683-85910C64AF6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5b958b1b-39fd-461f-a4da-859d63e8b046"/>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EE4FAB9B-CEF1-4FBB-9CEB-F3ACE6B0504C}">
  <ds:schemaRefs>
    <ds:schemaRef ds:uri="http://schemas.microsoft.com/office/2006/documentManagement/types"/>
    <ds:schemaRef ds:uri="http://purl.org/dc/elements/1.1/"/>
    <ds:schemaRef ds:uri="http://schemas.microsoft.com/sharepoint/v4"/>
    <ds:schemaRef ds:uri="http://purl.org/dc/dcmitype/"/>
    <ds:schemaRef ds:uri="http://schemas.microsoft.com/office/infopath/2007/PartnerControls"/>
    <ds:schemaRef ds:uri="http://schemas.microsoft.com/sharepoint/v3"/>
    <ds:schemaRef ds:uri="http://schemas.dnb.nl/sharepoint"/>
    <ds:schemaRef ds:uri="5b958b1b-39fd-461f-a4da-859d63e8b046"/>
    <ds:schemaRef ds:uri="http://schemas.microsoft.com/office/2006/metadata/properties"/>
    <ds:schemaRef ds:uri="http://purl.org/dc/terms/"/>
    <ds:schemaRef ds:uri="http://schemas.openxmlformats.org/package/2006/metadata/core-properties"/>
    <ds:schemaRef ds:uri="f072c7c8-c0ca-48e9-a9c4-2a029bcf732c"/>
    <ds:schemaRef ds:uri="http://www.w3.org/XML/1998/namespace"/>
  </ds:schemaRefs>
</ds:datastoreItem>
</file>

<file path=customXml/itemProps5.xml><?xml version="1.0" encoding="utf-8"?>
<ds:datastoreItem xmlns:ds="http://schemas.openxmlformats.org/officeDocument/2006/customXml" ds:itemID="{2414B9C9-3E23-46E3-9674-5E6588DB2669}">
  <ds:schemaRefs>
    <ds:schemaRef ds:uri="http://schemas.microsoft.com/sharepoint/events"/>
    <ds:schemaRef ds:uri=""/>
  </ds:schemaRefs>
</ds:datastoreItem>
</file>

<file path=customXml/itemProps6.xml><?xml version="1.0" encoding="utf-8"?>
<ds:datastoreItem xmlns:ds="http://schemas.openxmlformats.org/officeDocument/2006/customXml" ds:itemID="{0B0B78A0-F136-48F8-811E-9156F7603947}">
  <ds:schemaRefs>
    <ds:schemaRef ds:uri="http://schemas.microsoft.com/sharepoint/v3/contenttype/forms"/>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erkbladen</vt:lpstr>
      </vt:variant>
      <vt:variant>
        <vt:i4>2</vt:i4>
      </vt:variant>
    </vt:vector>
  </HeadingPairs>
  <TitlesOfParts>
    <vt:vector size="2" baseType="lpstr">
      <vt:lpstr>SBA-Cyberweerbaarheid</vt:lpstr>
      <vt:lpstr>Volwassenheidsmodel</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BA-Cyberweerbaarheid v1.0</dc:title>
  <dc:subject/>
  <dc:creator/>
  <cp:keywords/>
  <dc:description/>
  <cp:lastModifiedBy/>
  <cp:revision>1</cp:revision>
  <dcterms:created xsi:type="dcterms:W3CDTF">2025-01-06T07:51:40Z</dcterms:created>
  <dcterms:modified xsi:type="dcterms:W3CDTF">2025-10-15T12:18:1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970965601742225776</vt:lpwstr>
  </property>
  <property fmtid="{D5CDD505-2E9C-101B-9397-08002B2CF9AE}" pid="4" name="TemplafyUserProfileId">
    <vt:lpwstr>637961516293437835</vt:lpwstr>
  </property>
  <property fmtid="{D5CDD505-2E9C-101B-9397-08002B2CF9AE}" pid="5" name="TemplafyFromBlank">
    <vt:bool>true</vt:bool>
  </property>
  <property fmtid="{D5CDD505-2E9C-101B-9397-08002B2CF9AE}" pid="6" name="ContentTypeId">
    <vt:lpwstr>0x0101001A9AF98CE4D646E7BAD5E0A615FBC45700531684C5AA7845B1B8AD3BF3F8A4C4F800DC5C328B0967A84CBC6CC0887BE7D964</vt:lpwstr>
  </property>
  <property fmtid="{D5CDD505-2E9C-101B-9397-08002B2CF9AE}" pid="7" name="DNB_Taaklabel">
    <vt:lpwstr>14;#ATM|a25013d2-c165-4d74-8d30-f81257c82e75</vt:lpwstr>
  </property>
  <property fmtid="{D5CDD505-2E9C-101B-9397-08002B2CF9AE}" pid="8" name="DNB_Divisie">
    <vt:lpwstr>3;#Toezicht Pensioenfondsen|05fe169f-9af6-4139-8249-771375f7b69c</vt:lpwstr>
  </property>
  <property fmtid="{D5CDD505-2E9C-101B-9397-08002B2CF9AE}" pid="9" name="_dlc_DocIdItemGuid">
    <vt:lpwstr>188a3e80-af27-4554-b805-8ee16df08322</vt:lpwstr>
  </property>
  <property fmtid="{D5CDD505-2E9C-101B-9397-08002B2CF9AE}" pid="10" name="DNB_Afdeling">
    <vt:lpwstr>2;#Expertisecentrum Operationele ＆ IT-risico's|c50a550d-c620-4343-8967-1e9ef8f82735</vt:lpwstr>
  </property>
  <property fmtid="{D5CDD505-2E9C-101B-9397-08002B2CF9AE}" pid="11" name="MediaServiceImageTags">
    <vt:lpwstr/>
  </property>
  <property fmtid="{D5CDD505-2E9C-101B-9397-08002B2CF9AE}" pid="12" name="DNB_Documenttype_2">
    <vt:lpwstr/>
  </property>
</Properties>
</file>